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7"/>
  </p:sldMasterIdLst>
  <p:notesMasterIdLst>
    <p:notesMasterId r:id="rId19"/>
  </p:notesMasterIdLst>
  <p:handoutMasterIdLst>
    <p:handoutMasterId r:id="rId20"/>
  </p:handoutMasterIdLst>
  <p:sldIdLst>
    <p:sldId id="263" r:id="rId8"/>
    <p:sldId id="283" r:id="rId9"/>
    <p:sldId id="274" r:id="rId10"/>
    <p:sldId id="267" r:id="rId11"/>
    <p:sldId id="271" r:id="rId12"/>
    <p:sldId id="266" r:id="rId13"/>
    <p:sldId id="268" r:id="rId14"/>
    <p:sldId id="269" r:id="rId15"/>
    <p:sldId id="270" r:id="rId16"/>
    <p:sldId id="264" r:id="rId17"/>
    <p:sldId id="265" r:id="rId18"/>
  </p:sldIdLst>
  <p:sldSz cx="9906000" cy="6858000" type="A4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6DB7"/>
    <a:srgbClr val="12609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9" autoAdjust="0"/>
    <p:restoredTop sz="90618" autoAdjust="0"/>
  </p:normalViewPr>
  <p:slideViewPr>
    <p:cSldViewPr snapToGrid="0" showGuides="1">
      <p:cViewPr varScale="1">
        <p:scale>
          <a:sx n="97" d="100"/>
          <a:sy n="97" d="100"/>
        </p:scale>
        <p:origin x="1120" y="2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2466" y="-59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3906C4BD-E10A-480C-ADBF-748CF18B24CA}" type="datetime1">
              <a:rPr lang="en-GB" smtClean="0"/>
              <a:t>15/01/2026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BF8440AE-93C9-41C7-A56D-8656F85B993E}" type="datetime1">
              <a:rPr lang="en-GB" smtClean="0"/>
              <a:t>15/01/2026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1200150" y="1143000"/>
            <a:ext cx="44577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F8440AE-93C9-41C7-A56D-8656F85B993E}" type="datetime1">
              <a:rPr lang="en-GB" smtClean="0"/>
              <a:t>15/01/2026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999781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6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F8440AE-93C9-41C7-A56D-8656F85B993E}" type="datetime1">
              <a:rPr lang="en-GB" smtClean="0"/>
              <a:t>15/01/2026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45323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https://riverhub.co.uk/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7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F8440AE-93C9-41C7-A56D-8656F85B993E}" type="datetime1">
              <a:rPr lang="en-GB" smtClean="0"/>
              <a:t>15/01/2026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22754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0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F8440AE-93C9-41C7-A56D-8656F85B993E}" type="datetime1">
              <a:rPr lang="en-GB" smtClean="0"/>
              <a:t>15/01/2026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7359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0BDEFE-E1E7-7FBF-C850-73C5F1C0639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5DDF45C-D28C-924C-1347-37232994017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3FA8E79-C852-CBA6-400E-CF5AC203996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AF7476-C6B5-2F20-D4D1-5C29B91B73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1</a:t>
            </a:fld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C13E7F7-D5CE-714C-844A-AC70728614D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F8440AE-93C9-41C7-A56D-8656F85B993E}" type="datetime1">
              <a:rPr lang="en-GB" smtClean="0"/>
              <a:t>15/01/2026</a:t>
            </a:fld>
            <a:endParaRPr lang="en-GB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760A331-2933-68E7-44C9-FCB3F18BF593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5B6B816-DCA2-EE23-035D-5EF65934493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324553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5.png"/><Relationship Id="rId11" Type="http://schemas.openxmlformats.org/officeDocument/2006/relationships/image" Target="../media/image20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svg"/><Relationship Id="rId4" Type="http://schemas.openxmlformats.org/officeDocument/2006/relationships/image" Target="../media/image9.pn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_Phot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C739245-3474-4CBB-5716-06A9DD28FFAF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1B4DBC4B-7E16-45D0-B72A-99EBDFD1669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81718AD-0996-4B4D-B97D-FF65A61F7FB9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3297A132-C2EE-4CE3-8B75-B1FDFF50D46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E1304FA1-E0F5-4AD4-846A-37642FFE487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742207" y="540001"/>
            <a:ext cx="6723957" cy="1760537"/>
          </a:xfrm>
        </p:spPr>
        <p:txBody>
          <a:bodyPr anchor="t"/>
          <a:lstStyle>
            <a:lvl1pPr algn="l">
              <a:defRPr sz="6175" b="0" cap="all" baseline="0">
                <a:solidFill>
                  <a:srgbClr val="000000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pic>
        <p:nvPicPr>
          <p:cNvPr id="833851807" name="Logo" descr="{&quot;templafy&quot;:{&quot;id&quot;:&quot;74d0f75d-e374-47b0-9b86-8ed5e1134bd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38751" y="539750"/>
            <a:ext cx="967501" cy="1008000"/>
          </a:xfrm>
          <a:prstGeom prst="rect">
            <a:avLst/>
          </a:prstGeom>
        </p:spPr>
      </p:pic>
      <p:sp>
        <p:nvSpPr>
          <p:cNvPr id="5" name="Picture Placeholder 16">
            <a:extLst>
              <a:ext uri="{FF2B5EF4-FFF2-40B4-BE49-F238E27FC236}">
                <a16:creationId xmlns:a16="http://schemas.microsoft.com/office/drawing/2014/main" id="{C6375E28-AD56-500F-5C4B-52F08F54E92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8751" y="3019871"/>
            <a:ext cx="9467250" cy="3296793"/>
          </a:xfrm>
          <a:custGeom>
            <a:avLst/>
            <a:gdLst>
              <a:gd name="connsiteX0" fmla="*/ 1244859 w 11614541"/>
              <a:gd name="connsiteY0" fmla="*/ 0 h 3286194"/>
              <a:gd name="connsiteX1" fmla="*/ 3530657 w 11614541"/>
              <a:gd name="connsiteY1" fmla="*/ 0 h 3286194"/>
              <a:gd name="connsiteX2" fmla="*/ 4441618 w 11614541"/>
              <a:gd name="connsiteY2" fmla="*/ 910961 h 3286194"/>
              <a:gd name="connsiteX3" fmla="*/ 4441618 w 11614541"/>
              <a:gd name="connsiteY3" fmla="*/ 0 h 3286194"/>
              <a:gd name="connsiteX4" fmla="*/ 7979419 w 11614541"/>
              <a:gd name="connsiteY4" fmla="*/ 0 h 3286194"/>
              <a:gd name="connsiteX5" fmla="*/ 7979512 w 11614541"/>
              <a:gd name="connsiteY5" fmla="*/ 0 h 3286194"/>
              <a:gd name="connsiteX6" fmla="*/ 11614541 w 11614541"/>
              <a:gd name="connsiteY6" fmla="*/ 0 h 3286194"/>
              <a:gd name="connsiteX7" fmla="*/ 11614541 w 11614541"/>
              <a:gd name="connsiteY7" fmla="*/ 3286102 h 3286194"/>
              <a:gd name="connsiteX8" fmla="*/ 9078343 w 11614541"/>
              <a:gd name="connsiteY8" fmla="*/ 3286102 h 3286194"/>
              <a:gd name="connsiteX9" fmla="*/ 7988697 w 11614541"/>
              <a:gd name="connsiteY9" fmla="*/ 2330238 h 3286194"/>
              <a:gd name="connsiteX10" fmla="*/ 7988697 w 11614541"/>
              <a:gd name="connsiteY10" fmla="*/ 3286194 h 3286194"/>
              <a:gd name="connsiteX11" fmla="*/ 574929 w 11614541"/>
              <a:gd name="connsiteY11" fmla="*/ 3286194 h 3286194"/>
              <a:gd name="connsiteX12" fmla="*/ 0 w 11614541"/>
              <a:gd name="connsiteY12" fmla="*/ 2711266 h 3286194"/>
              <a:gd name="connsiteX13" fmla="*/ 0 w 11614541"/>
              <a:gd name="connsiteY13" fmla="*/ 1244581 h 32861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11614541" h="3286194">
                <a:moveTo>
                  <a:pt x="1244859" y="0"/>
                </a:moveTo>
                <a:lnTo>
                  <a:pt x="3530657" y="0"/>
                </a:lnTo>
                <a:cubicBezTo>
                  <a:pt x="4033778" y="0"/>
                  <a:pt x="4441618" y="407840"/>
                  <a:pt x="4441618" y="910961"/>
                </a:cubicBezTo>
                <a:lnTo>
                  <a:pt x="4441618" y="0"/>
                </a:lnTo>
                <a:cubicBezTo>
                  <a:pt x="4441618" y="0"/>
                  <a:pt x="7979419" y="0"/>
                  <a:pt x="7979419" y="0"/>
                </a:cubicBezTo>
                <a:lnTo>
                  <a:pt x="7979512" y="0"/>
                </a:lnTo>
                <a:lnTo>
                  <a:pt x="11614541" y="0"/>
                </a:lnTo>
                <a:cubicBezTo>
                  <a:pt x="11614541" y="0"/>
                  <a:pt x="11614541" y="3286102"/>
                  <a:pt x="11614541" y="3286102"/>
                </a:cubicBezTo>
                <a:lnTo>
                  <a:pt x="9078343" y="3286102"/>
                </a:lnTo>
                <a:cubicBezTo>
                  <a:pt x="8519928" y="3286102"/>
                  <a:pt x="8058835" y="2869540"/>
                  <a:pt x="7988697" y="2330238"/>
                </a:cubicBezTo>
                <a:lnTo>
                  <a:pt x="7988697" y="3286194"/>
                </a:lnTo>
                <a:lnTo>
                  <a:pt x="574929" y="3286194"/>
                </a:lnTo>
                <a:cubicBezTo>
                  <a:pt x="257359" y="3286194"/>
                  <a:pt x="0" y="3028743"/>
                  <a:pt x="0" y="2711266"/>
                </a:cubicBezTo>
                <a:lnTo>
                  <a:pt x="0" y="1244581"/>
                </a:lnTo>
                <a:close/>
              </a:path>
            </a:pathLst>
          </a:custGeom>
          <a:solidFill>
            <a:srgbClr val="EBEBEB"/>
          </a:solidFill>
        </p:spPr>
        <p:txBody>
          <a:bodyPr wrap="square" lIns="72000" tIns="1080000" rIns="72000" anchor="ctr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300">
                <a:solidFill>
                  <a:srgbClr val="000000"/>
                </a:solidFill>
              </a:defRPr>
            </a:lvl1pPr>
          </a:lstStyle>
          <a:p>
            <a:r>
              <a:rPr lang="en-US" dirty="0"/>
              <a:t>Click icon to add picture</a:t>
            </a:r>
            <a:br>
              <a:rPr lang="en-US" dirty="0"/>
            </a:br>
            <a:br>
              <a:rPr lang="en-GB" dirty="0"/>
            </a:br>
            <a:r>
              <a:rPr lang="en-GB" dirty="0"/>
              <a:t>More layouts in </a:t>
            </a:r>
            <a:r>
              <a:rPr lang="en-GB" dirty="0" err="1"/>
              <a:t>Templafy</a:t>
            </a:r>
            <a:r>
              <a:rPr lang="en-GB" dirty="0"/>
              <a:t> &gt; Toolkit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157681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6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E07A5AE-CA07-40F8-829E-6EA74A8D4D74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Graphic 3">
            <a:extLst>
              <a:ext uri="{FF2B5EF4-FFF2-40B4-BE49-F238E27FC236}">
                <a16:creationId xmlns:a16="http://schemas.microsoft.com/office/drawing/2014/main" id="{36C21CEF-E4E0-F772-6E27-E37A88E7AF9F}"/>
              </a:ext>
            </a:extLst>
          </p:cNvPr>
          <p:cNvSpPr/>
          <p:nvPr userDrawn="1"/>
        </p:nvSpPr>
        <p:spPr>
          <a:xfrm>
            <a:off x="3498783" y="592985"/>
            <a:ext cx="5942115" cy="5663758"/>
          </a:xfrm>
          <a:custGeom>
            <a:avLst/>
            <a:gdLst>
              <a:gd name="connsiteX0" fmla="*/ 7313373 w 7313372"/>
              <a:gd name="connsiteY0" fmla="*/ 591 h 5663758"/>
              <a:gd name="connsiteX1" fmla="*/ 7313373 w 7313372"/>
              <a:gd name="connsiteY1" fmla="*/ 5663759 h 5663758"/>
              <a:gd name="connsiteX2" fmla="*/ 2831879 w 7313372"/>
              <a:gd name="connsiteY2" fmla="*/ 5663759 h 5663758"/>
              <a:gd name="connsiteX3" fmla="*/ 0 w 7313372"/>
              <a:gd name="connsiteY3" fmla="*/ 2831879 h 5663758"/>
              <a:gd name="connsiteX4" fmla="*/ 2831879 w 7313372"/>
              <a:gd name="connsiteY4" fmla="*/ 0 h 5663758"/>
              <a:gd name="connsiteX5" fmla="*/ 2868511 w 7313372"/>
              <a:gd name="connsiteY5" fmla="*/ 591 h 5663758"/>
              <a:gd name="connsiteX6" fmla="*/ 7313373 w 7313372"/>
              <a:gd name="connsiteY6" fmla="*/ 591 h 56637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7313372" h="5663758">
                <a:moveTo>
                  <a:pt x="7313373" y="591"/>
                </a:moveTo>
                <a:lnTo>
                  <a:pt x="7313373" y="5663759"/>
                </a:lnTo>
                <a:lnTo>
                  <a:pt x="2831879" y="5663759"/>
                </a:lnTo>
                <a:cubicBezTo>
                  <a:pt x="1267935" y="5663759"/>
                  <a:pt x="0" y="4395824"/>
                  <a:pt x="0" y="2831879"/>
                </a:cubicBezTo>
                <a:cubicBezTo>
                  <a:pt x="0" y="1267935"/>
                  <a:pt x="1267935" y="0"/>
                  <a:pt x="2831879" y="0"/>
                </a:cubicBezTo>
                <a:cubicBezTo>
                  <a:pt x="2844286" y="0"/>
                  <a:pt x="2856103" y="0"/>
                  <a:pt x="2868511" y="591"/>
                </a:cubicBezTo>
                <a:lnTo>
                  <a:pt x="7313373" y="591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da-DK" sz="1463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AC7DAD82-9A01-14E6-60F9-015D5D359707}"/>
              </a:ext>
            </a:extLst>
          </p:cNvPr>
          <p:cNvSpPr txBox="1">
            <a:spLocks/>
          </p:cNvSpPr>
          <p:nvPr userDrawn="1"/>
        </p:nvSpPr>
        <p:spPr>
          <a:xfrm>
            <a:off x="676407" y="822872"/>
            <a:ext cx="3126825" cy="3848400"/>
          </a:xfrm>
          <a:prstGeom prst="ellipse">
            <a:avLst/>
          </a:prstGeom>
          <a:ln w="38100">
            <a:solidFill>
              <a:schemeClr val="tx1"/>
            </a:solidFill>
          </a:ln>
        </p:spPr>
        <p:txBody>
          <a:bodyPr vert="horz" lIns="0" tIns="58500" rIns="0" bIns="0" rtlCol="0" anchor="ctr" anchorCtr="0">
            <a:normAutofit/>
          </a:bodyPr>
          <a:lstStyle>
            <a:lvl1pPr algn="ctr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200" b="0" kern="1200" cap="all" baseline="0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3413" dirty="0">
                <a:solidFill>
                  <a:schemeClr val="tx1"/>
                </a:solidFill>
              </a:rPr>
              <a:t>Click to add title</a:t>
            </a:r>
          </a:p>
          <a:p>
            <a:pPr>
              <a:lnSpc>
                <a:spcPct val="100000"/>
              </a:lnSpc>
            </a:pPr>
            <a:endParaRPr lang="en-GB" sz="1300" dirty="0">
              <a:solidFill>
                <a:schemeClr val="tx1"/>
              </a:solidFill>
            </a:endParaRPr>
          </a:p>
          <a:p>
            <a:pPr>
              <a:lnSpc>
                <a:spcPct val="100000"/>
              </a:lnSpc>
            </a:pPr>
            <a:r>
              <a:rPr lang="en-GB" sz="1463" dirty="0">
                <a:solidFill>
                  <a:schemeClr val="tx1"/>
                </a:solidFill>
              </a:rPr>
              <a:t>See more options in </a:t>
            </a:r>
            <a:r>
              <a:rPr lang="en-GB" sz="1463" dirty="0" err="1">
                <a:solidFill>
                  <a:schemeClr val="tx1"/>
                </a:solidFill>
              </a:rPr>
              <a:t>templafy</a:t>
            </a:r>
            <a:r>
              <a:rPr lang="en-GB" sz="1463" dirty="0">
                <a:solidFill>
                  <a:schemeClr val="tx1"/>
                </a:solidFill>
              </a:rPr>
              <a:t> &gt; toolkit</a:t>
            </a:r>
          </a:p>
        </p:txBody>
      </p:sp>
      <p:sp>
        <p:nvSpPr>
          <p:cNvPr id="3" name="Graphic 7">
            <a:extLst>
              <a:ext uri="{FF2B5EF4-FFF2-40B4-BE49-F238E27FC236}">
                <a16:creationId xmlns:a16="http://schemas.microsoft.com/office/drawing/2014/main" id="{3CD26AF5-E9AB-7462-6C62-0C8B0F7FC91E}"/>
              </a:ext>
            </a:extLst>
          </p:cNvPr>
          <p:cNvSpPr/>
          <p:nvPr/>
        </p:nvSpPr>
        <p:spPr>
          <a:xfrm>
            <a:off x="7028873" y="5021580"/>
            <a:ext cx="1878048" cy="695808"/>
          </a:xfrm>
          <a:custGeom>
            <a:avLst/>
            <a:gdLst>
              <a:gd name="connsiteX0" fmla="*/ 2311445 w 2311444"/>
              <a:gd name="connsiteY0" fmla="*/ 284742 h 695808"/>
              <a:gd name="connsiteX1" fmla="*/ 2311445 w 2311444"/>
              <a:gd name="connsiteY1" fmla="*/ 411195 h 695808"/>
              <a:gd name="connsiteX2" fmla="*/ 2158932 w 2311444"/>
              <a:gd name="connsiteY2" fmla="*/ 495924 h 695808"/>
              <a:gd name="connsiteX3" fmla="*/ 2064446 w 2311444"/>
              <a:gd name="connsiteY3" fmla="*/ 695809 h 695808"/>
              <a:gd name="connsiteX4" fmla="*/ 1932216 w 2311444"/>
              <a:gd name="connsiteY4" fmla="*/ 695809 h 695808"/>
              <a:gd name="connsiteX5" fmla="*/ 2062135 w 2311444"/>
              <a:gd name="connsiteY5" fmla="*/ 414019 h 695808"/>
              <a:gd name="connsiteX6" fmla="*/ 0 w 2311444"/>
              <a:gd name="connsiteY6" fmla="*/ 414019 h 695808"/>
              <a:gd name="connsiteX7" fmla="*/ 0 w 2311444"/>
              <a:gd name="connsiteY7" fmla="*/ 281790 h 695808"/>
              <a:gd name="connsiteX8" fmla="*/ 2062007 w 2311444"/>
              <a:gd name="connsiteY8" fmla="*/ 281790 h 695808"/>
              <a:gd name="connsiteX9" fmla="*/ 1932088 w 2311444"/>
              <a:gd name="connsiteY9" fmla="*/ 0 h 695808"/>
              <a:gd name="connsiteX10" fmla="*/ 2064317 w 2311444"/>
              <a:gd name="connsiteY10" fmla="*/ 0 h 695808"/>
              <a:gd name="connsiteX11" fmla="*/ 2158804 w 2311444"/>
              <a:gd name="connsiteY11" fmla="*/ 199884 h 695808"/>
              <a:gd name="connsiteX12" fmla="*/ 2311317 w 2311444"/>
              <a:gd name="connsiteY12" fmla="*/ 284742 h 69580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2311444" h="695808">
                <a:moveTo>
                  <a:pt x="2311445" y="284742"/>
                </a:moveTo>
                <a:lnTo>
                  <a:pt x="2311445" y="411195"/>
                </a:lnTo>
                <a:cubicBezTo>
                  <a:pt x="2277810" y="411195"/>
                  <a:pt x="2214648" y="440336"/>
                  <a:pt x="2158932" y="495924"/>
                </a:cubicBezTo>
                <a:cubicBezTo>
                  <a:pt x="2098851" y="555877"/>
                  <a:pt x="2064446" y="628795"/>
                  <a:pt x="2064446" y="695809"/>
                </a:cubicBezTo>
                <a:lnTo>
                  <a:pt x="1932216" y="695809"/>
                </a:lnTo>
                <a:cubicBezTo>
                  <a:pt x="1932216" y="596958"/>
                  <a:pt x="1981899" y="497208"/>
                  <a:pt x="2062135" y="414019"/>
                </a:cubicBezTo>
                <a:lnTo>
                  <a:pt x="0" y="414019"/>
                </a:lnTo>
                <a:lnTo>
                  <a:pt x="0" y="281790"/>
                </a:lnTo>
                <a:lnTo>
                  <a:pt x="2062007" y="281790"/>
                </a:lnTo>
                <a:cubicBezTo>
                  <a:pt x="1981899" y="198601"/>
                  <a:pt x="1932088" y="98851"/>
                  <a:pt x="1932088" y="0"/>
                </a:cubicBezTo>
                <a:lnTo>
                  <a:pt x="2064317" y="0"/>
                </a:lnTo>
                <a:cubicBezTo>
                  <a:pt x="2064317" y="67142"/>
                  <a:pt x="2098723" y="139932"/>
                  <a:pt x="2158804" y="199884"/>
                </a:cubicBezTo>
                <a:cubicBezTo>
                  <a:pt x="2214648" y="255601"/>
                  <a:pt x="2277810" y="284742"/>
                  <a:pt x="2311317" y="284742"/>
                </a:cubicBezTo>
              </a:path>
            </a:pathLst>
          </a:custGeom>
          <a:solidFill>
            <a:srgbClr val="FFFFFF"/>
          </a:solidFill>
          <a:ln w="12806" cap="flat">
            <a:noFill/>
            <a:prstDash val="solid"/>
            <a:miter/>
          </a:ln>
        </p:spPr>
        <p:txBody>
          <a:bodyPr rtlCol="0" anchor="ctr"/>
          <a:lstStyle/>
          <a:p>
            <a:endParaRPr lang="da-DK" sz="1463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3815C1F2-8541-FDA3-1759-821BD8B3102F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                                                                                                                                                        Press ENTER then TAB to view next text style                                                                                                                                   Press SHIFT+TAB to view previous text style</a:t>
            </a:r>
            <a:endParaRPr lang="en-GB" noProof="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1A030D9-3E22-77F8-18AE-076CCE14C548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MOTT MACDONALD" descr="{&quot;templafy&quot;:{&quot;id&quot;:&quot;47ecc599-a20a-459a-8c69-0be82fc3ba13&quot;}}" hidden="1" title="UserProfile.Language.PpEntity">
            <a:extLst>
              <a:ext uri="{FF2B5EF4-FFF2-40B4-BE49-F238E27FC236}">
                <a16:creationId xmlns:a16="http://schemas.microsoft.com/office/drawing/2014/main" id="{E4417A41-3CCE-D31A-FDB5-38880F9110EB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7" name="Date Placeholder 1" descr="{&quot;templafy&quot;:{&quot;id&quot;:&quot;899e8502-09e1-45c0-8ad6-52a774da0c78&quot;}}">
            <a:extLst>
              <a:ext uri="{FF2B5EF4-FFF2-40B4-BE49-F238E27FC236}">
                <a16:creationId xmlns:a16="http://schemas.microsoft.com/office/drawing/2014/main" id="{F062D72B-093A-EB0C-C4CA-45215A94256B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8" name="Slide number">
            <a:extLst>
              <a:ext uri="{FF2B5EF4-FFF2-40B4-BE49-F238E27FC236}">
                <a16:creationId xmlns:a16="http://schemas.microsoft.com/office/drawing/2014/main" id="{CF291F14-974E-972D-9091-FED08CD93E27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3159765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                                                                                                                                                        Press ENTER then TAB to view next text style                                                                                                                                   Press SHIFT+TAB to view previous text styl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DE6A8074-A106-9A52-2A2A-24A50401E761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189A4E-0D43-489B-A148-512160139E5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9" y="541337"/>
            <a:ext cx="9027616" cy="432000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C1EE6D30-DAE4-43B3-A64F-3F8C0D304EC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8547" y="984767"/>
            <a:ext cx="9027616" cy="36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488"/>
              </a:spcAft>
              <a:buFont typeface="Arial" panose="020B0604020202020204" pitchFamily="34" charset="0"/>
              <a:buChar char="​"/>
              <a:defRPr sz="1788">
                <a:solidFill>
                  <a:srgbClr val="FFFFFF"/>
                </a:solidFill>
              </a:defRPr>
            </a:lvl1pPr>
            <a:lvl2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2pPr>
            <a:lvl3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3pPr>
            <a:lvl4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4pPr>
            <a:lvl5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5pPr>
            <a:lvl6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6pPr>
            <a:lvl7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7pPr>
            <a:lvl8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8pPr>
            <a:lvl9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9pPr>
          </a:lstStyle>
          <a:p>
            <a:r>
              <a:rPr lang="en-US" noProof="0" dirty="0"/>
              <a:t>Click to add sub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                                                                                                                                                             Press ENTER then TAB to view next text style                                                                                                                              Press SHIFT+TAB to view previous text style</a:t>
            </a:r>
            <a:endParaRPr lang="en-GB" noProof="0" dirty="0"/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B8B2D087-E68E-AC74-5C76-BC85B98DD943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MOTT MACDONALD" descr="{&quot;templafy&quot;:{&quot;id&quot;:&quot;5393f2ca-f7b7-445f-89ed-0396e68aa054&quot;}}" hidden="1" title="UserProfile.Language.PpEntity">
            <a:extLst>
              <a:ext uri="{FF2B5EF4-FFF2-40B4-BE49-F238E27FC236}">
                <a16:creationId xmlns:a16="http://schemas.microsoft.com/office/drawing/2014/main" id="{FD39BB1E-B9D0-B05A-280D-8F173A50F609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12" name="Date Placeholder 1" descr="{&quot;templafy&quot;:{&quot;id&quot;:&quot;d80bf962-726b-4ab9-b8f8-5ed09ea8ab11&quot;}}">
            <a:extLst>
              <a:ext uri="{FF2B5EF4-FFF2-40B4-BE49-F238E27FC236}">
                <a16:creationId xmlns:a16="http://schemas.microsoft.com/office/drawing/2014/main" id="{D897EB80-50AB-EB7F-462E-CD904917B1E8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A38529D3-2DA3-5FF2-D4E6-1041B238EE59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571173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189A4E-0D43-489B-A148-512160139E5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9" y="541337"/>
            <a:ext cx="9027616" cy="432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C1EE6D30-DAE4-43B3-A64F-3F8C0D304EC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8547" y="984767"/>
            <a:ext cx="9027616" cy="36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488"/>
              </a:spcAft>
              <a:buFont typeface="Arial" panose="020B0604020202020204" pitchFamily="34" charset="0"/>
              <a:buChar char="​"/>
              <a:defRPr sz="1788">
                <a:solidFill>
                  <a:srgbClr val="000000"/>
                </a:solidFill>
              </a:defRPr>
            </a:lvl1pPr>
            <a:lvl2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2pPr>
            <a:lvl3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3pPr>
            <a:lvl4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4pPr>
            <a:lvl5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5pPr>
            <a:lvl6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6pPr>
            <a:lvl7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7pPr>
            <a:lvl8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8pPr>
            <a:lvl9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9pPr>
          </a:lstStyle>
          <a:p>
            <a:r>
              <a:rPr lang="en-US" noProof="0" dirty="0"/>
              <a:t>Click to add sub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/>
              <a:t>Click to add text                                                                                                                                                                                 Press ENTER then TAB to view next text style                                                                                                                              Press SHIFT+TAB to view previous text styl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53878193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9E5F608F-7C00-39DA-A0C3-06AF0DFB3326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8549" y="1690688"/>
            <a:ext cx="4419003" cy="4625975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                                                  Press ENTER then TAB to view next text style                     Press SHIFT+TAB to view previous text style</a:t>
            </a:r>
            <a:endParaRPr lang="en-GB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5047159" y="1690688"/>
            <a:ext cx="4417714" cy="4627312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                                               Press ENTER then TAB to view next text style                      Press SHIFT+TAB to view previous text style</a:t>
            </a:r>
            <a:endParaRPr lang="en-GB" noProof="0" dirty="0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AD7D9548-F0B5-3138-DF13-47C2529E32A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8547" y="984767"/>
            <a:ext cx="9027616" cy="36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488"/>
              </a:spcAft>
              <a:buFont typeface="Arial" panose="020B0604020202020204" pitchFamily="34" charset="0"/>
              <a:buChar char="​"/>
              <a:defRPr sz="1788">
                <a:solidFill>
                  <a:srgbClr val="FFFFFF"/>
                </a:solidFill>
              </a:defRPr>
            </a:lvl1pPr>
            <a:lvl2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2pPr>
            <a:lvl3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3pPr>
            <a:lvl4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4pPr>
            <a:lvl5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5pPr>
            <a:lvl6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6pPr>
            <a:lvl7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7pPr>
            <a:lvl8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8pPr>
            <a:lvl9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9pPr>
          </a:lstStyle>
          <a:p>
            <a:r>
              <a:rPr lang="en-US" noProof="0" dirty="0"/>
              <a:t>Click to add subtitle</a:t>
            </a:r>
            <a:endParaRPr lang="en-GB" dirty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CB0C6BC4-D510-4F0A-6B33-8E3F2F493F7F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MOTT MACDONALD" descr="{&quot;templafy&quot;:{&quot;id&quot;:&quot;9f553cb9-2e0c-4d3b-9579-7eb6f1046e64&quot;}}" hidden="1" title="UserProfile.Language.PpEntity">
            <a:extLst>
              <a:ext uri="{FF2B5EF4-FFF2-40B4-BE49-F238E27FC236}">
                <a16:creationId xmlns:a16="http://schemas.microsoft.com/office/drawing/2014/main" id="{5EE1BA6F-2D4B-0A3D-AF60-2AD267A8C0CB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13" name="Date Placeholder 1" descr="{&quot;templafy&quot;:{&quot;id&quot;:&quot;f7d21be4-490a-4622-9988-803a2be24faf&quot;}}">
            <a:extLst>
              <a:ext uri="{FF2B5EF4-FFF2-40B4-BE49-F238E27FC236}">
                <a16:creationId xmlns:a16="http://schemas.microsoft.com/office/drawing/2014/main" id="{AC92D91B-B3E5-DCA7-35D7-6A045B7009E3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4" name="Slide number">
            <a:extLst>
              <a:ext uri="{FF2B5EF4-FFF2-40B4-BE49-F238E27FC236}">
                <a16:creationId xmlns:a16="http://schemas.microsoft.com/office/drawing/2014/main" id="{1AAF7FC7-01C4-2B08-F765-44ECDBFF0F1A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8549" y="1690688"/>
            <a:ext cx="4419003" cy="46259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                                             Press ENTER then TAB to view next text style                     Press SHIFT+TAB to view previous text style</a:t>
            </a:r>
            <a:endParaRPr lang="en-GB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5047159" y="1690688"/>
            <a:ext cx="4417714" cy="4627312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/>
              <a:t>Click to add text                                                                   Press ENTER then TAB to view next text style                      Press SHIFT+TAB to view previous text style</a:t>
            </a:r>
            <a:endParaRPr lang="en-GB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A8C597CF-BB57-928A-24F7-AA1AA414778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8547" y="984767"/>
            <a:ext cx="9027616" cy="36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488"/>
              </a:spcAft>
              <a:buFont typeface="Arial" panose="020B0604020202020204" pitchFamily="34" charset="0"/>
              <a:buChar char="​"/>
              <a:defRPr sz="1788">
                <a:solidFill>
                  <a:srgbClr val="000000"/>
                </a:solidFill>
              </a:defRPr>
            </a:lvl1pPr>
            <a:lvl2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2pPr>
            <a:lvl3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3pPr>
            <a:lvl4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4pPr>
            <a:lvl5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5pPr>
            <a:lvl6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6pPr>
            <a:lvl7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7pPr>
            <a:lvl8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8pPr>
            <a:lvl9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9pPr>
          </a:lstStyle>
          <a:p>
            <a:r>
              <a:rPr lang="en-US" noProof="0" dirty="0"/>
              <a:t>Click to add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1456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8445AF21-1A1B-A830-3499-18728A9DF3B2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8549" y="1690688"/>
            <a:ext cx="2882800" cy="4625975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Press ENTER then TAB to view next text style                                                     Press SHIFT+TAB to view previous text style</a:t>
            </a:r>
            <a:endParaRPr lang="en-GB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510955" y="1690687"/>
            <a:ext cx="2882801" cy="4625975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Press ENTER then TAB to view next text style                                                Press SHIFT+TAB to view previous text style</a:t>
            </a:r>
            <a:endParaRPr lang="en-GB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583362" y="1690687"/>
            <a:ext cx="2884863" cy="4625975"/>
          </a:xfrm>
          <a:solidFill>
            <a:schemeClr val="accent1"/>
          </a:solidFill>
        </p:spPr>
        <p:txBody>
          <a:bodyPr lIns="144000" tIns="216000" rIns="144000" bIns="21600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rgbClr val="FFFFFF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Press ENTER then TAB to view next text style                                                   Press SHIFT+TAB to view previous text style</a:t>
            </a:r>
            <a:endParaRPr lang="en-GB" noProof="0" dirty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C0C648E1-06AF-A88F-BC8E-16973372C253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MOTT MACDONALD" descr="{&quot;templafy&quot;:{&quot;id&quot;:&quot;3de8de07-c2a8-4a23-bbb6-9956ee3e923b&quot;}}" hidden="1" title="UserProfile.Language.PpEntity">
            <a:extLst>
              <a:ext uri="{FF2B5EF4-FFF2-40B4-BE49-F238E27FC236}">
                <a16:creationId xmlns:a16="http://schemas.microsoft.com/office/drawing/2014/main" id="{35B1E07C-E179-4E19-E98A-FF3A996F08C5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12" name="Date Placeholder 1" descr="{&quot;templafy&quot;:{&quot;id&quot;:&quot;cff9bc7f-08d1-4997-a42c-9fd5569d5e57&quot;}}">
            <a:extLst>
              <a:ext uri="{FF2B5EF4-FFF2-40B4-BE49-F238E27FC236}">
                <a16:creationId xmlns:a16="http://schemas.microsoft.com/office/drawing/2014/main" id="{AE12F028-B04F-9680-214E-04DF1ABE6125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00B6492C-A750-02F4-855B-B01492161275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954246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8549" y="1690688"/>
            <a:ext cx="2882800" cy="4625975"/>
          </a:xfrm>
        </p:spPr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  <a:lvl2pPr>
              <a:defRPr>
                <a:solidFill>
                  <a:srgbClr val="000000"/>
                </a:solidFill>
              </a:defRPr>
            </a:lvl2pPr>
            <a:lvl3pPr>
              <a:defRPr>
                <a:solidFill>
                  <a:srgbClr val="000000"/>
                </a:solidFill>
              </a:defRPr>
            </a:lvl3pPr>
            <a:lvl4pPr>
              <a:defRPr>
                <a:solidFill>
                  <a:srgbClr val="000000"/>
                </a:solidFill>
              </a:defRPr>
            </a:lvl4pPr>
            <a:lvl5pPr>
              <a:defRPr>
                <a:solidFill>
                  <a:srgbClr val="000000"/>
                </a:solidFill>
              </a:defRPr>
            </a:lvl5pPr>
            <a:lvl6pPr>
              <a:defRPr>
                <a:solidFill>
                  <a:srgbClr val="000000"/>
                </a:solidFill>
              </a:defRPr>
            </a:lvl6pPr>
            <a:lvl7pPr>
              <a:defRPr>
                <a:solidFill>
                  <a:srgbClr val="000000"/>
                </a:solidFill>
              </a:defRPr>
            </a:lvl7pPr>
            <a:lvl8pPr>
              <a:defRPr>
                <a:solidFill>
                  <a:srgbClr val="000000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               Press ENTER then TAB to view next text style                                                     Press SHIFT+TAB to view previous text style</a:t>
            </a:r>
            <a:endParaRPr lang="en-GB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510955" y="1690687"/>
            <a:ext cx="2882801" cy="4625975"/>
          </a:xfrm>
        </p:spPr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  <a:lvl2pPr>
              <a:defRPr>
                <a:solidFill>
                  <a:srgbClr val="000000"/>
                </a:solidFill>
              </a:defRPr>
            </a:lvl2pPr>
            <a:lvl3pPr>
              <a:defRPr>
                <a:solidFill>
                  <a:srgbClr val="000000"/>
                </a:solidFill>
              </a:defRPr>
            </a:lvl3pPr>
            <a:lvl4pPr>
              <a:defRPr>
                <a:solidFill>
                  <a:srgbClr val="000000"/>
                </a:solidFill>
              </a:defRPr>
            </a:lvl4pPr>
            <a:lvl5pPr>
              <a:defRPr>
                <a:solidFill>
                  <a:srgbClr val="000000"/>
                </a:solidFill>
              </a:defRPr>
            </a:lvl5pPr>
            <a:lvl6pPr>
              <a:defRPr>
                <a:solidFill>
                  <a:srgbClr val="000000"/>
                </a:solidFill>
              </a:defRPr>
            </a:lvl6pPr>
            <a:lvl7pPr>
              <a:defRPr>
                <a:solidFill>
                  <a:srgbClr val="000000"/>
                </a:solidFill>
              </a:defRPr>
            </a:lvl7pPr>
            <a:lvl8pPr>
              <a:defRPr>
                <a:solidFill>
                  <a:srgbClr val="000000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                 Press ENTER then TAB to view next text style                                                Press SHIFT+TAB to view previous text style</a:t>
            </a:r>
            <a:endParaRPr lang="en-GB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583362" y="1690687"/>
            <a:ext cx="2884863" cy="4625975"/>
          </a:xfrm>
          <a:solidFill>
            <a:schemeClr val="accent1"/>
          </a:solidFill>
        </p:spPr>
        <p:txBody>
          <a:bodyPr lIns="144000" tIns="216000" rIns="144000" bIns="21600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rgbClr val="FFFFFF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Press ENTER then TAB to view next text style                                                   Press SHIFT+TAB to view previous text style</a:t>
            </a:r>
            <a:endParaRPr lang="en-GB" noProof="0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10C835D1-DDB5-2351-69AB-4522000DEA0A}"/>
              </a:ext>
            </a:extLst>
          </p:cNvPr>
          <p:cNvSpPr>
            <a:spLocks noGrp="1"/>
          </p:cNvSpPr>
          <p:nvPr>
            <p:ph type="subTitle" idx="17" hasCustomPrompt="1"/>
          </p:nvPr>
        </p:nvSpPr>
        <p:spPr>
          <a:xfrm>
            <a:off x="438547" y="984767"/>
            <a:ext cx="9027616" cy="36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488"/>
              </a:spcAft>
              <a:buFont typeface="Arial" panose="020B0604020202020204" pitchFamily="34" charset="0"/>
              <a:buChar char="​"/>
              <a:defRPr sz="1788">
                <a:solidFill>
                  <a:srgbClr val="000000"/>
                </a:solidFill>
              </a:defRPr>
            </a:lvl1pPr>
            <a:lvl2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2pPr>
            <a:lvl3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3pPr>
            <a:lvl4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4pPr>
            <a:lvl5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5pPr>
            <a:lvl6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6pPr>
            <a:lvl7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7pPr>
            <a:lvl8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8pPr>
            <a:lvl9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9pPr>
          </a:lstStyle>
          <a:p>
            <a:r>
              <a:rPr lang="en-US" noProof="0" dirty="0"/>
              <a:t>Click to add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1635333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30636A47-434A-05B8-1EC0-8AF259CCFF95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8750" y="1690688"/>
            <a:ext cx="2114582" cy="4609312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Press ENTER then TAB to view next text style              Press SHIFT+TAB to view previous text style</a:t>
            </a:r>
            <a:endParaRPr lang="en-GB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2743457" y="1690688"/>
            <a:ext cx="2114582" cy="4609312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Press ENTER then TAB to view next text style              Press SHIFT+TAB to view previous text style</a:t>
            </a:r>
            <a:endParaRPr lang="en-GB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5048164" y="1690688"/>
            <a:ext cx="2114582" cy="4609312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Press ENTER then TAB to view next text style              Press SHIFT+TAB to view previous text style</a:t>
            </a:r>
            <a:endParaRPr lang="en-GB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BE983074-D604-7B9A-67C0-E8DE88FC370E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7352871" y="1690688"/>
            <a:ext cx="2114582" cy="4609312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Press ENTER then TAB to view next text style              Press SHIFT+TAB to view previous text style</a:t>
            </a:r>
            <a:endParaRPr lang="en-GB" noProof="0" dirty="0"/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5D148726-73F3-31E1-FD26-43F51DD8B024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MOTT MACDONALD" descr="{&quot;templafy&quot;:{&quot;id&quot;:&quot;bf8ddb3d-5d3d-4386-9949-ecb4bb5836a9&quot;}}" hidden="1" title="UserProfile.Language.PpEntity">
            <a:extLst>
              <a:ext uri="{FF2B5EF4-FFF2-40B4-BE49-F238E27FC236}">
                <a16:creationId xmlns:a16="http://schemas.microsoft.com/office/drawing/2014/main" id="{D9818C63-1B89-C34C-41A2-CB7FF6D91217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15" name="Date Placeholder 1" descr="{&quot;templafy&quot;:{&quot;id&quot;:&quot;631ff426-ada9-45a2-839c-41dfb14847c2&quot;}}">
            <a:extLst>
              <a:ext uri="{FF2B5EF4-FFF2-40B4-BE49-F238E27FC236}">
                <a16:creationId xmlns:a16="http://schemas.microsoft.com/office/drawing/2014/main" id="{D5516BA8-D89F-751B-3937-5EE6D0738BB4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6" name="Slide number">
            <a:extLst>
              <a:ext uri="{FF2B5EF4-FFF2-40B4-BE49-F238E27FC236}">
                <a16:creationId xmlns:a16="http://schemas.microsoft.com/office/drawing/2014/main" id="{A54A48B3-0555-9633-6364-0BDECB1EF60D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9592194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_Photo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BB67091B-F673-C31C-E4C3-135B4D960674}"/>
              </a:ext>
            </a:extLst>
          </p:cNvPr>
          <p:cNvSpPr/>
          <p:nvPr userDrawn="1"/>
        </p:nvSpPr>
        <p:spPr bwMode="gray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1B4DBC4B-7E16-45D0-B72A-99EBDFD1669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EF83FE6-A271-4BAE-B5CB-D17AE6D96B92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3297A132-C2EE-4CE3-8B75-B1FDFF50D46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E1304FA1-E0F5-4AD4-846A-37642FFE487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D31E6B82-D886-F6A3-A9AA-38644217961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8751" y="3019871"/>
            <a:ext cx="9467250" cy="3296793"/>
          </a:xfrm>
          <a:custGeom>
            <a:avLst/>
            <a:gdLst>
              <a:gd name="connsiteX0" fmla="*/ 1244859 w 11614541"/>
              <a:gd name="connsiteY0" fmla="*/ 0 h 3286194"/>
              <a:gd name="connsiteX1" fmla="*/ 3530657 w 11614541"/>
              <a:gd name="connsiteY1" fmla="*/ 0 h 3286194"/>
              <a:gd name="connsiteX2" fmla="*/ 4441618 w 11614541"/>
              <a:gd name="connsiteY2" fmla="*/ 910961 h 3286194"/>
              <a:gd name="connsiteX3" fmla="*/ 4441618 w 11614541"/>
              <a:gd name="connsiteY3" fmla="*/ 0 h 3286194"/>
              <a:gd name="connsiteX4" fmla="*/ 7979419 w 11614541"/>
              <a:gd name="connsiteY4" fmla="*/ 0 h 3286194"/>
              <a:gd name="connsiteX5" fmla="*/ 7979512 w 11614541"/>
              <a:gd name="connsiteY5" fmla="*/ 0 h 3286194"/>
              <a:gd name="connsiteX6" fmla="*/ 11614541 w 11614541"/>
              <a:gd name="connsiteY6" fmla="*/ 0 h 3286194"/>
              <a:gd name="connsiteX7" fmla="*/ 11614541 w 11614541"/>
              <a:gd name="connsiteY7" fmla="*/ 3286102 h 3286194"/>
              <a:gd name="connsiteX8" fmla="*/ 9078343 w 11614541"/>
              <a:gd name="connsiteY8" fmla="*/ 3286102 h 3286194"/>
              <a:gd name="connsiteX9" fmla="*/ 7988697 w 11614541"/>
              <a:gd name="connsiteY9" fmla="*/ 2330238 h 3286194"/>
              <a:gd name="connsiteX10" fmla="*/ 7988697 w 11614541"/>
              <a:gd name="connsiteY10" fmla="*/ 3286194 h 3286194"/>
              <a:gd name="connsiteX11" fmla="*/ 574929 w 11614541"/>
              <a:gd name="connsiteY11" fmla="*/ 3286194 h 3286194"/>
              <a:gd name="connsiteX12" fmla="*/ 0 w 11614541"/>
              <a:gd name="connsiteY12" fmla="*/ 2711266 h 3286194"/>
              <a:gd name="connsiteX13" fmla="*/ 0 w 11614541"/>
              <a:gd name="connsiteY13" fmla="*/ 1244581 h 32861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11614541" h="3286194">
                <a:moveTo>
                  <a:pt x="1244859" y="0"/>
                </a:moveTo>
                <a:lnTo>
                  <a:pt x="3530657" y="0"/>
                </a:lnTo>
                <a:cubicBezTo>
                  <a:pt x="4033778" y="0"/>
                  <a:pt x="4441618" y="407840"/>
                  <a:pt x="4441618" y="910961"/>
                </a:cubicBezTo>
                <a:lnTo>
                  <a:pt x="4441618" y="0"/>
                </a:lnTo>
                <a:cubicBezTo>
                  <a:pt x="4441618" y="0"/>
                  <a:pt x="7979419" y="0"/>
                  <a:pt x="7979419" y="0"/>
                </a:cubicBezTo>
                <a:lnTo>
                  <a:pt x="7979512" y="0"/>
                </a:lnTo>
                <a:lnTo>
                  <a:pt x="11614541" y="0"/>
                </a:lnTo>
                <a:cubicBezTo>
                  <a:pt x="11614541" y="0"/>
                  <a:pt x="11614541" y="3286102"/>
                  <a:pt x="11614541" y="3286102"/>
                </a:cubicBezTo>
                <a:lnTo>
                  <a:pt x="9078343" y="3286102"/>
                </a:lnTo>
                <a:cubicBezTo>
                  <a:pt x="8519928" y="3286102"/>
                  <a:pt x="8058835" y="2869540"/>
                  <a:pt x="7988697" y="2330238"/>
                </a:cubicBezTo>
                <a:lnTo>
                  <a:pt x="7988697" y="3286194"/>
                </a:lnTo>
                <a:lnTo>
                  <a:pt x="574929" y="3286194"/>
                </a:lnTo>
                <a:cubicBezTo>
                  <a:pt x="257359" y="3286194"/>
                  <a:pt x="0" y="3028743"/>
                  <a:pt x="0" y="2711266"/>
                </a:cubicBezTo>
                <a:lnTo>
                  <a:pt x="0" y="1244581"/>
                </a:lnTo>
                <a:close/>
              </a:path>
            </a:pathLst>
          </a:custGeom>
          <a:solidFill>
            <a:srgbClr val="EBEBEB"/>
          </a:solidFill>
        </p:spPr>
        <p:txBody>
          <a:bodyPr wrap="square" lIns="72000" tIns="1080000" rIns="72000" anchor="ctr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300">
                <a:solidFill>
                  <a:srgbClr val="000000"/>
                </a:solidFill>
              </a:defRPr>
            </a:lvl1pPr>
          </a:lstStyle>
          <a:p>
            <a:r>
              <a:rPr lang="en-US" dirty="0"/>
              <a:t>Click icon to add picture</a:t>
            </a:r>
            <a:br>
              <a:rPr lang="en-US" dirty="0"/>
            </a:br>
            <a:br>
              <a:rPr lang="en-GB" dirty="0"/>
            </a:br>
            <a:r>
              <a:rPr lang="en-GB" dirty="0"/>
              <a:t>More layouts in </a:t>
            </a:r>
            <a:r>
              <a:rPr lang="en-GB" dirty="0" err="1"/>
              <a:t>Templafy</a:t>
            </a:r>
            <a:r>
              <a:rPr lang="en-GB" dirty="0"/>
              <a:t> &gt; Toolkit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37050" y="540001"/>
            <a:ext cx="6729114" cy="1760537"/>
          </a:xfrm>
        </p:spPr>
        <p:txBody>
          <a:bodyPr anchor="t"/>
          <a:lstStyle>
            <a:lvl1pPr algn="l">
              <a:defRPr sz="6175" b="0" cap="all" baseline="0"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pic>
        <p:nvPicPr>
          <p:cNvPr id="2020826009" name="Logo" descr="{&quot;templafy&quot;:{&quot;id&quot;:&quot;6bd7b10e-2357-4788-8ca8-e13614c96f4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38750" y="539750"/>
            <a:ext cx="958870" cy="10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8749" y="1690688"/>
            <a:ext cx="2114582" cy="4609312"/>
          </a:xfrm>
        </p:spPr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  <a:lvl2pPr>
              <a:defRPr>
                <a:solidFill>
                  <a:srgbClr val="000000"/>
                </a:solidFill>
              </a:defRPr>
            </a:lvl2pPr>
            <a:lvl3pPr>
              <a:defRPr>
                <a:solidFill>
                  <a:srgbClr val="000000"/>
                </a:solidFill>
              </a:defRPr>
            </a:lvl3pPr>
            <a:lvl4pPr>
              <a:defRPr>
                <a:solidFill>
                  <a:srgbClr val="000000"/>
                </a:solidFill>
              </a:defRPr>
            </a:lvl4pPr>
            <a:lvl5pPr>
              <a:defRPr>
                <a:solidFill>
                  <a:srgbClr val="000000"/>
                </a:solidFill>
              </a:defRPr>
            </a:lvl5pPr>
            <a:lvl6pPr>
              <a:defRPr>
                <a:solidFill>
                  <a:srgbClr val="000000"/>
                </a:solidFill>
              </a:defRPr>
            </a:lvl6pPr>
            <a:lvl7pPr>
              <a:defRPr>
                <a:solidFill>
                  <a:srgbClr val="000000"/>
                </a:solidFill>
              </a:defRPr>
            </a:lvl7pPr>
            <a:lvl8pPr>
              <a:defRPr>
                <a:solidFill>
                  <a:srgbClr val="000000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Press ENTER then TAB to view next text style              Press SHIFT+TAB to view previous text style</a:t>
            </a:r>
            <a:endParaRPr lang="en-GB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2743457" y="1690688"/>
            <a:ext cx="2114582" cy="4609312"/>
          </a:xfrm>
        </p:spPr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  <a:lvl2pPr>
              <a:defRPr>
                <a:solidFill>
                  <a:srgbClr val="000000"/>
                </a:solidFill>
              </a:defRPr>
            </a:lvl2pPr>
            <a:lvl3pPr>
              <a:defRPr>
                <a:solidFill>
                  <a:srgbClr val="000000"/>
                </a:solidFill>
              </a:defRPr>
            </a:lvl3pPr>
            <a:lvl4pPr>
              <a:defRPr>
                <a:solidFill>
                  <a:srgbClr val="000000"/>
                </a:solidFill>
              </a:defRPr>
            </a:lvl4pPr>
            <a:lvl5pPr>
              <a:defRPr>
                <a:solidFill>
                  <a:srgbClr val="000000"/>
                </a:solidFill>
              </a:defRPr>
            </a:lvl5pPr>
            <a:lvl6pPr>
              <a:defRPr>
                <a:solidFill>
                  <a:srgbClr val="000000"/>
                </a:solidFill>
              </a:defRPr>
            </a:lvl6pPr>
            <a:lvl7pPr>
              <a:defRPr>
                <a:solidFill>
                  <a:srgbClr val="000000"/>
                </a:solidFill>
              </a:defRPr>
            </a:lvl7pPr>
            <a:lvl8pPr>
              <a:defRPr>
                <a:solidFill>
                  <a:srgbClr val="000000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Press ENTER then TAB to view next text style              Press SHIFT+TAB to view previous text style</a:t>
            </a:r>
            <a:endParaRPr lang="en-GB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5048164" y="1690688"/>
            <a:ext cx="2114582" cy="4609312"/>
          </a:xfrm>
        </p:spPr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  <a:lvl2pPr>
              <a:defRPr>
                <a:solidFill>
                  <a:srgbClr val="000000"/>
                </a:solidFill>
              </a:defRPr>
            </a:lvl2pPr>
            <a:lvl3pPr>
              <a:defRPr>
                <a:solidFill>
                  <a:srgbClr val="000000"/>
                </a:solidFill>
              </a:defRPr>
            </a:lvl3pPr>
            <a:lvl4pPr>
              <a:defRPr>
                <a:solidFill>
                  <a:srgbClr val="000000"/>
                </a:solidFill>
              </a:defRPr>
            </a:lvl4pPr>
            <a:lvl5pPr>
              <a:defRPr>
                <a:solidFill>
                  <a:srgbClr val="000000"/>
                </a:solidFill>
              </a:defRPr>
            </a:lvl5pPr>
            <a:lvl6pPr>
              <a:defRPr>
                <a:solidFill>
                  <a:srgbClr val="000000"/>
                </a:solidFill>
              </a:defRPr>
            </a:lvl6pPr>
            <a:lvl7pPr>
              <a:defRPr>
                <a:solidFill>
                  <a:srgbClr val="000000"/>
                </a:solidFill>
              </a:defRPr>
            </a:lvl7pPr>
            <a:lvl8pPr>
              <a:defRPr>
                <a:solidFill>
                  <a:srgbClr val="000000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Press ENTER then TAB to view next text style              Press SHIFT+TAB to view previous text style</a:t>
            </a:r>
            <a:endParaRPr lang="en-GB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BE983074-D604-7B9A-67C0-E8DE88FC370E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7352871" y="1690688"/>
            <a:ext cx="2114582" cy="4609312"/>
          </a:xfrm>
        </p:spPr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  <a:lvl2pPr>
              <a:defRPr>
                <a:solidFill>
                  <a:srgbClr val="000000"/>
                </a:solidFill>
              </a:defRPr>
            </a:lvl2pPr>
            <a:lvl3pPr>
              <a:defRPr>
                <a:solidFill>
                  <a:srgbClr val="000000"/>
                </a:solidFill>
              </a:defRPr>
            </a:lvl3pPr>
            <a:lvl4pPr>
              <a:defRPr>
                <a:solidFill>
                  <a:srgbClr val="000000"/>
                </a:solidFill>
              </a:defRPr>
            </a:lvl4pPr>
            <a:lvl5pPr>
              <a:defRPr>
                <a:solidFill>
                  <a:srgbClr val="000000"/>
                </a:solidFill>
              </a:defRPr>
            </a:lvl5pPr>
            <a:lvl6pPr>
              <a:defRPr>
                <a:solidFill>
                  <a:srgbClr val="000000"/>
                </a:solidFill>
              </a:defRPr>
            </a:lvl6pPr>
            <a:lvl7pPr>
              <a:defRPr>
                <a:solidFill>
                  <a:srgbClr val="000000"/>
                </a:solidFill>
              </a:defRPr>
            </a:lvl7pPr>
            <a:lvl8pPr>
              <a:defRPr>
                <a:solidFill>
                  <a:srgbClr val="000000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/>
              <a:t>Click to add text                    Press ENTER then TAB to view next text style              Press SHIFT+TAB to view previous text styl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1615155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with Caption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0298015D-B688-1431-8FA1-4359CD1835ED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C0EEBFB-2026-6A35-33ED-F008376B67A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162503" y="1690688"/>
            <a:ext cx="2303660" cy="3680436"/>
          </a:xfrm>
        </p:spPr>
        <p:txBody>
          <a:bodyPr vert="horz" lIns="0" tIns="0" rIns="0" bIns="0" rtlCol="0">
            <a:noAutofit/>
          </a:bodyPr>
          <a:lstStyle>
            <a:lvl1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lang="en-US" sz="1625" b="0" dirty="0" smtClean="0">
                <a:solidFill>
                  <a:srgbClr val="FFFFFF"/>
                </a:solidFill>
                <a:latin typeface="+mn-lt"/>
              </a:defRPr>
            </a:lvl1pPr>
            <a:lvl2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FFFFFF"/>
                </a:solidFill>
                <a:latin typeface="+mn-lt"/>
              </a:defRPr>
            </a:lvl2pPr>
            <a:lvl3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FFFFFF"/>
                </a:solidFill>
                <a:latin typeface="+mn-lt"/>
              </a:defRPr>
            </a:lvl3pPr>
            <a:lvl4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FFFFFF"/>
                </a:solidFill>
                <a:latin typeface="+mn-lt"/>
              </a:defRPr>
            </a:lvl4pPr>
            <a:lvl5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FFFFFF"/>
                </a:solidFill>
                <a:latin typeface="+mn-lt"/>
              </a:defRPr>
            </a:lvl5pPr>
            <a:lvl6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FFFFFF"/>
                </a:solidFill>
                <a:latin typeface="+mn-lt"/>
              </a:defRPr>
            </a:lvl6pPr>
            <a:lvl7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FFFFFF"/>
                </a:solidFill>
                <a:latin typeface="+mn-lt"/>
              </a:defRPr>
            </a:lvl7pPr>
            <a:lvl8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FFFFFF"/>
                </a:solidFill>
                <a:latin typeface="+mn-lt"/>
              </a:defRPr>
            </a:lvl8pPr>
            <a:lvl9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FFFFFF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add tex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F3B20A8-A604-C977-02C0-083BA866348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38548" y="1690688"/>
            <a:ext cx="5377359" cy="4625974"/>
          </a:xfrm>
        </p:spPr>
        <p:txBody>
          <a:bodyPr vert="horz" lIns="0" tIns="0" rIns="0" bIns="0" rtlCol="0">
            <a:noAutofit/>
          </a:bodyPr>
          <a:lstStyle>
            <a:lvl1pPr marL="0" indent="0">
              <a:buChar char="​"/>
              <a:defRPr lang="en-US" sz="2275" b="0" dirty="0" smtClean="0">
                <a:solidFill>
                  <a:srgbClr val="FFFFFF"/>
                </a:solidFill>
                <a:latin typeface="+mj-lt"/>
              </a:defRPr>
            </a:lvl1pPr>
            <a:lvl2pPr marL="0" indent="0">
              <a:buChar char="​"/>
              <a:defRPr lang="en-US" sz="2275" b="0" dirty="0" smtClean="0">
                <a:solidFill>
                  <a:srgbClr val="FFFFFF"/>
                </a:solidFill>
                <a:latin typeface="+mj-lt"/>
              </a:defRPr>
            </a:lvl2pPr>
            <a:lvl3pPr marL="0" indent="0">
              <a:buChar char="​"/>
              <a:defRPr lang="en-US" sz="2275" b="0" dirty="0" smtClean="0">
                <a:solidFill>
                  <a:srgbClr val="FFFFFF"/>
                </a:solidFill>
                <a:latin typeface="+mj-lt"/>
              </a:defRPr>
            </a:lvl3pPr>
            <a:lvl4pPr marL="0" indent="0">
              <a:buChar char="​"/>
              <a:defRPr lang="en-US" sz="2275" b="0" dirty="0" smtClean="0">
                <a:solidFill>
                  <a:srgbClr val="FFFFFF"/>
                </a:solidFill>
                <a:latin typeface="+mj-lt"/>
              </a:defRPr>
            </a:lvl4pPr>
            <a:lvl5pPr marL="0" indent="0">
              <a:buChar char="​"/>
              <a:defRPr lang="en-US" sz="2275" b="0" dirty="0">
                <a:solidFill>
                  <a:srgbClr val="FFFFFF"/>
                </a:solidFill>
                <a:latin typeface="+mj-lt"/>
              </a:defRPr>
            </a:lvl5pPr>
            <a:lvl6pPr marL="0" indent="0">
              <a:buChar char="​"/>
              <a:defRPr sz="2275" b="0">
                <a:solidFill>
                  <a:srgbClr val="FFFFFF"/>
                </a:solidFill>
                <a:latin typeface="+mj-lt"/>
              </a:defRPr>
            </a:lvl6pPr>
            <a:lvl7pPr marL="0" indent="0">
              <a:buChar char="​"/>
              <a:defRPr sz="2275" b="0">
                <a:solidFill>
                  <a:srgbClr val="FFFFFF"/>
                </a:solidFill>
                <a:latin typeface="+mj-lt"/>
              </a:defRPr>
            </a:lvl7pPr>
            <a:lvl8pPr marL="0" indent="0">
              <a:buChar char="​"/>
              <a:defRPr sz="2275" b="0">
                <a:solidFill>
                  <a:srgbClr val="FFFFFF"/>
                </a:solidFill>
                <a:latin typeface="+mj-lt"/>
              </a:defRPr>
            </a:lvl8pPr>
            <a:lvl9pPr marL="0" indent="0">
              <a:buChar char="​"/>
              <a:defRPr sz="2275" b="0">
                <a:solidFill>
                  <a:srgbClr val="FFFFFF"/>
                </a:solidFill>
                <a:latin typeface="+mj-lt"/>
              </a:defRPr>
            </a:lvl9pPr>
          </a:lstStyle>
          <a:p>
            <a:pPr lvl="0"/>
            <a:r>
              <a:rPr lang="en-US"/>
              <a:t>Click to add text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EB167F2-5FC9-DD1B-0679-60BAE39DB3B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da-DK" dirty="0"/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7173026C-B134-CF00-5238-C1C5064950D0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MOTT MACDONALD" descr="{&quot;templafy&quot;:{&quot;id&quot;:&quot;cc309985-fbf5-4b7f-8a19-2a093d9cd2ed&quot;}}" hidden="1" title="UserProfile.Language.PpEntity">
            <a:extLst>
              <a:ext uri="{FF2B5EF4-FFF2-40B4-BE49-F238E27FC236}">
                <a16:creationId xmlns:a16="http://schemas.microsoft.com/office/drawing/2014/main" id="{7F89C646-DFFC-EFD2-0E8B-BE17488E0B33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12" name="Date Placeholder 1" descr="{&quot;templafy&quot;:{&quot;id&quot;:&quot;6f415526-c5a5-44b5-ba4f-8a79d8693d7e&quot;}}">
            <a:extLst>
              <a:ext uri="{FF2B5EF4-FFF2-40B4-BE49-F238E27FC236}">
                <a16:creationId xmlns:a16="http://schemas.microsoft.com/office/drawing/2014/main" id="{75E80989-DB16-DCED-9856-72E66CAC1BD2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B15FF34A-D056-43E0-029F-58FDF0A5159E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7101589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with Caption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C0EEBFB-2026-6A35-33ED-F008376B67A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162503" y="1690688"/>
            <a:ext cx="2303660" cy="3680436"/>
          </a:xfrm>
        </p:spPr>
        <p:txBody>
          <a:bodyPr vert="horz" lIns="0" tIns="0" rIns="0" bIns="0" rtlCol="0">
            <a:noAutofit/>
          </a:bodyPr>
          <a:lstStyle>
            <a:lvl1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lang="en-US" sz="1625" b="0" dirty="0" smtClean="0">
                <a:solidFill>
                  <a:srgbClr val="000000"/>
                </a:solidFill>
                <a:latin typeface="+mn-lt"/>
              </a:defRPr>
            </a:lvl1pPr>
            <a:lvl2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000000"/>
                </a:solidFill>
                <a:latin typeface="+mn-lt"/>
              </a:defRPr>
            </a:lvl2pPr>
            <a:lvl3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000000"/>
                </a:solidFill>
                <a:latin typeface="+mn-lt"/>
              </a:defRPr>
            </a:lvl3pPr>
            <a:lvl4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000000"/>
                </a:solidFill>
                <a:latin typeface="+mn-lt"/>
              </a:defRPr>
            </a:lvl4pPr>
            <a:lvl5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000000"/>
                </a:solidFill>
                <a:latin typeface="+mn-lt"/>
              </a:defRPr>
            </a:lvl5pPr>
            <a:lvl6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000000"/>
                </a:solidFill>
                <a:latin typeface="+mn-lt"/>
              </a:defRPr>
            </a:lvl6pPr>
            <a:lvl7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000000"/>
                </a:solidFill>
                <a:latin typeface="+mn-lt"/>
              </a:defRPr>
            </a:lvl7pPr>
            <a:lvl8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000000"/>
                </a:solidFill>
                <a:latin typeface="+mn-lt"/>
              </a:defRPr>
            </a:lvl8pPr>
            <a:lvl9pPr marL="219375" indent="-219375">
              <a:buClr>
                <a:schemeClr val="accent1"/>
              </a:buClr>
              <a:buFont typeface="Arial" panose="020B0604020202020204" pitchFamily="34" charset="0"/>
              <a:buChar char="•"/>
              <a:defRPr sz="1625" b="0">
                <a:solidFill>
                  <a:srgbClr val="000000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add tex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F3B20A8-A604-C977-02C0-083BA866348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38548" y="1690688"/>
            <a:ext cx="5377359" cy="4625974"/>
          </a:xfrm>
        </p:spPr>
        <p:txBody>
          <a:bodyPr vert="horz" lIns="0" tIns="0" rIns="0" bIns="0" rtlCol="0">
            <a:noAutofit/>
          </a:bodyPr>
          <a:lstStyle>
            <a:lvl1pPr marL="0" indent="0">
              <a:buChar char="​"/>
              <a:defRPr lang="en-US" sz="2275" b="0" dirty="0" smtClean="0">
                <a:solidFill>
                  <a:srgbClr val="000000"/>
                </a:solidFill>
                <a:latin typeface="+mj-lt"/>
              </a:defRPr>
            </a:lvl1pPr>
            <a:lvl2pPr marL="0" indent="0">
              <a:buChar char="​"/>
              <a:defRPr lang="en-US" sz="2275" b="0" dirty="0" smtClean="0">
                <a:solidFill>
                  <a:srgbClr val="000000"/>
                </a:solidFill>
                <a:latin typeface="+mj-lt"/>
              </a:defRPr>
            </a:lvl2pPr>
            <a:lvl3pPr marL="0" indent="0">
              <a:buChar char="​"/>
              <a:defRPr lang="en-US" sz="2275" b="0" dirty="0" smtClean="0">
                <a:solidFill>
                  <a:srgbClr val="000000"/>
                </a:solidFill>
                <a:latin typeface="+mj-lt"/>
              </a:defRPr>
            </a:lvl3pPr>
            <a:lvl4pPr marL="0" indent="0">
              <a:buChar char="​"/>
              <a:defRPr lang="en-US" sz="2275" b="0" dirty="0" smtClean="0">
                <a:solidFill>
                  <a:srgbClr val="000000"/>
                </a:solidFill>
                <a:latin typeface="+mj-lt"/>
              </a:defRPr>
            </a:lvl4pPr>
            <a:lvl5pPr marL="0" indent="0">
              <a:buChar char="​"/>
              <a:defRPr lang="en-US" sz="2275" b="0" dirty="0">
                <a:solidFill>
                  <a:srgbClr val="000000"/>
                </a:solidFill>
                <a:latin typeface="+mj-lt"/>
              </a:defRPr>
            </a:lvl5pPr>
            <a:lvl6pPr marL="0" indent="0">
              <a:buChar char="​"/>
              <a:defRPr sz="2275" b="0">
                <a:solidFill>
                  <a:srgbClr val="000000"/>
                </a:solidFill>
                <a:latin typeface="+mj-lt"/>
              </a:defRPr>
            </a:lvl6pPr>
            <a:lvl7pPr marL="0" indent="0">
              <a:buChar char="​"/>
              <a:defRPr sz="2275" b="0">
                <a:solidFill>
                  <a:srgbClr val="000000"/>
                </a:solidFill>
                <a:latin typeface="+mj-lt"/>
              </a:defRPr>
            </a:lvl7pPr>
            <a:lvl8pPr marL="0" indent="0">
              <a:buChar char="​"/>
              <a:defRPr sz="2275" b="0">
                <a:solidFill>
                  <a:srgbClr val="000000"/>
                </a:solidFill>
                <a:latin typeface="+mj-lt"/>
              </a:defRPr>
            </a:lvl8pPr>
            <a:lvl9pPr marL="0" indent="0">
              <a:buChar char="​"/>
              <a:defRPr sz="2275" b="0">
                <a:solidFill>
                  <a:srgbClr val="000000"/>
                </a:solidFill>
                <a:latin typeface="+mj-lt"/>
              </a:defRPr>
            </a:lvl9pPr>
          </a:lstStyle>
          <a:p>
            <a:pPr lvl="0"/>
            <a:r>
              <a:rPr lang="en-US"/>
              <a:t>Click to add text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EB167F2-5FC9-DD1B-0679-60BAE39DB3B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98621723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hot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4B9B3EED-FBAD-7A49-D015-64466E553E67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-14922"/>
            <a:ext cx="4857552" cy="6872922"/>
          </a:xfrm>
          <a:solidFill>
            <a:srgbClr val="EBEBEB"/>
          </a:solidFill>
        </p:spPr>
        <p:txBody>
          <a:bodyPr tIns="648000" anchor="ctr" anchorCtr="0"/>
          <a:lstStyle>
            <a:lvl1pPr marL="0" indent="0" algn="ctr">
              <a:buNone/>
              <a:defRPr sz="1300">
                <a:solidFill>
                  <a:srgbClr val="000000"/>
                </a:solidFill>
              </a:defRPr>
            </a:lvl1pPr>
          </a:lstStyle>
          <a:p>
            <a:r>
              <a:rPr lang="en-US" noProof="0" dirty="0"/>
              <a:t>Click icon to add picture or click on frame and insert picture via Templafy Image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435402" y="541337"/>
            <a:ext cx="4030762" cy="432000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EDB38E6-C0CF-9CD0-0ADB-42CC490B169E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5435402" y="1690688"/>
            <a:ext cx="4030762" cy="4625975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</a:lstStyle>
          <a:p>
            <a:pPr lvl="0"/>
            <a:r>
              <a:rPr lang="en-US"/>
              <a:t>Click to add text                                                                   Press ENTER then TAB to view next text style                 Press SHIFT+TAB to view previous text style</a:t>
            </a:r>
            <a:endParaRPr lang="da-DK" dirty="0"/>
          </a:p>
        </p:txBody>
      </p:sp>
      <p:sp>
        <p:nvSpPr>
          <p:cNvPr id="9" name="Date Placeholder 1" descr="{&quot;templafy&quot;:{&quot;id&quot;:&quot;bb6a0b3e-c78d-4e72-b7b2-f521aa02524f&quot;}}">
            <a:extLst>
              <a:ext uri="{FF2B5EF4-FFF2-40B4-BE49-F238E27FC236}">
                <a16:creationId xmlns:a16="http://schemas.microsoft.com/office/drawing/2014/main" id="{CC0F3E61-9744-B1E8-499D-07E901BD1F8B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</p:spTree>
    <p:extLst>
      <p:ext uri="{BB962C8B-B14F-4D97-AF65-F5344CB8AC3E}">
        <p14:creationId xmlns:p14="http://schemas.microsoft.com/office/powerpoint/2010/main" val="16448768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hoto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-14922"/>
            <a:ext cx="4857552" cy="6872922"/>
          </a:xfrm>
          <a:solidFill>
            <a:srgbClr val="EBEBEB"/>
          </a:solidFill>
        </p:spPr>
        <p:txBody>
          <a:bodyPr tIns="648000" anchor="ctr" anchorCtr="0"/>
          <a:lstStyle>
            <a:lvl1pPr marL="0" indent="0" algn="ctr">
              <a:buNone/>
              <a:defRPr sz="1300">
                <a:solidFill>
                  <a:srgbClr val="000000"/>
                </a:solidFill>
              </a:defRPr>
            </a:lvl1pPr>
          </a:lstStyle>
          <a:p>
            <a:r>
              <a:rPr lang="en-US" noProof="0" dirty="0"/>
              <a:t>Click icon to add picture or click on frame and insert picture via Templafy Image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435402" y="541337"/>
            <a:ext cx="4030762" cy="432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BA143A8-DDC6-447A-EC58-ADB5C753137C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5435402" y="1690688"/>
            <a:ext cx="4030762" cy="4625975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Press ENTER then TAB to view next text style                 Press SHIFT+TAB to view previous text style</a:t>
            </a:r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hoto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F891A263-89F0-0DCF-229B-AC5B7AB0FF6E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48448" y="-14922"/>
            <a:ext cx="4857552" cy="6872922"/>
          </a:xfrm>
          <a:solidFill>
            <a:srgbClr val="EBEBEB"/>
          </a:solidFill>
        </p:spPr>
        <p:txBody>
          <a:bodyPr tIns="648000" anchor="ctr" anchorCtr="0"/>
          <a:lstStyle>
            <a:lvl1pPr marL="0" indent="0" algn="ctr">
              <a:buNone/>
              <a:defRPr sz="1300">
                <a:solidFill>
                  <a:srgbClr val="000000"/>
                </a:solidFill>
              </a:defRPr>
            </a:lvl1pPr>
          </a:lstStyle>
          <a:p>
            <a:r>
              <a:rPr lang="en-US" noProof="0" dirty="0"/>
              <a:t>Click icon to add picture or click on frame and insert picture via Templafy Image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7" y="541337"/>
            <a:ext cx="4030762" cy="432000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1" name="Content Placeholder 5">
            <a:extLst>
              <a:ext uri="{FF2B5EF4-FFF2-40B4-BE49-F238E27FC236}">
                <a16:creationId xmlns:a16="http://schemas.microsoft.com/office/drawing/2014/main" id="{478A8F57-1930-6935-2B0E-D6BD1590CE4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38547" y="1690688"/>
            <a:ext cx="4030762" cy="4625975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  <a:lvl2pPr>
              <a:defRPr>
                <a:solidFill>
                  <a:srgbClr val="FFFFFF"/>
                </a:solidFill>
              </a:defRPr>
            </a:lvl2pPr>
            <a:lvl3pPr>
              <a:defRPr>
                <a:solidFill>
                  <a:srgbClr val="FFFFFF"/>
                </a:solidFill>
              </a:defRPr>
            </a:lvl3pPr>
            <a:lvl4pPr>
              <a:defRPr>
                <a:solidFill>
                  <a:srgbClr val="FFFFFF"/>
                </a:solidFill>
              </a:defRPr>
            </a:lvl4pPr>
            <a:lvl5pPr>
              <a:defRPr>
                <a:solidFill>
                  <a:srgbClr val="FFFFFF"/>
                </a:solidFill>
              </a:defRPr>
            </a:lvl5pPr>
            <a:lvl6pPr>
              <a:defRPr>
                <a:solidFill>
                  <a:srgbClr val="FFFFFF"/>
                </a:solidFill>
              </a:defRPr>
            </a:lvl6pPr>
            <a:lvl7pPr>
              <a:defRPr>
                <a:solidFill>
                  <a:srgbClr val="FFFFFF"/>
                </a:solidFill>
              </a:defRPr>
            </a:lvl7pPr>
            <a:lvl8pPr>
              <a:defRPr>
                <a:solidFill>
                  <a:srgbClr val="FFFFFF"/>
                </a:solidFill>
              </a:defRPr>
            </a:lvl8pPr>
          </a:lstStyle>
          <a:p>
            <a:pPr lvl="0"/>
            <a:r>
              <a:rPr lang="en-US"/>
              <a:t>Click to add text                                                                   Press ENTER then TAB to view next text style                 Press SHIFT+TAB to view previous text style</a:t>
            </a:r>
            <a:endParaRPr lang="da-DK" dirty="0"/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5155646D-1EA5-CA8E-78D2-B04DD1758C14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MOTT MACDONALD" descr="{&quot;templafy&quot;:{&quot;id&quot;:&quot;307596aa-5eb5-4272-b46d-169db4a9b6f6&quot;}}" hidden="1" title="UserProfile.Language.PpEntity">
            <a:extLst>
              <a:ext uri="{FF2B5EF4-FFF2-40B4-BE49-F238E27FC236}">
                <a16:creationId xmlns:a16="http://schemas.microsoft.com/office/drawing/2014/main" id="{8D957D1D-3AA1-F1BE-63F1-64AD383289F5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2C1001DE-309D-4E5C-7E07-8DE5898BA501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353976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hoto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47159" y="-14922"/>
            <a:ext cx="4857552" cy="6872922"/>
          </a:xfrm>
          <a:solidFill>
            <a:srgbClr val="EBEBEB"/>
          </a:solidFill>
        </p:spPr>
        <p:txBody>
          <a:bodyPr tIns="648000" anchor="ctr" anchorCtr="0"/>
          <a:lstStyle>
            <a:lvl1pPr marL="0" indent="0" algn="ctr">
              <a:buNone/>
              <a:defRPr sz="1300">
                <a:solidFill>
                  <a:srgbClr val="000000"/>
                </a:solidFill>
              </a:defRPr>
            </a:lvl1pPr>
          </a:lstStyle>
          <a:p>
            <a:r>
              <a:rPr lang="en-US" noProof="0" dirty="0"/>
              <a:t>Click icon to add picture or click on frame and insert picture via Templafy Image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8" y="541337"/>
            <a:ext cx="4030762" cy="432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3">
            <a:extLst>
              <a:ext uri="{FF2B5EF4-FFF2-40B4-BE49-F238E27FC236}">
                <a16:creationId xmlns:a16="http://schemas.microsoft.com/office/drawing/2014/main" id="{33656551-58DC-9D05-7768-674DEBE0C03E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38548" y="1690688"/>
            <a:ext cx="4030762" cy="4625975"/>
          </a:xfrm>
        </p:spPr>
        <p:txBody>
          <a:bodyPr/>
          <a:lstStyle/>
          <a:p>
            <a:pPr lvl="0"/>
            <a:r>
              <a:rPr lang="en-US"/>
              <a:t>Click to add text                                                                   Press ENTER then TAB to view next text style                 Press SHIFT+TAB to view previous text styl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20474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with Caption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DBD3A69C-F9D8-C1D2-76B5-B44AC0ADF374}"/>
              </a:ext>
            </a:extLst>
          </p:cNvPr>
          <p:cNvSpPr/>
          <p:nvPr userDrawn="1"/>
        </p:nvSpPr>
        <p:spPr bwMode="white">
          <a:xfrm>
            <a:off x="0" y="0"/>
            <a:ext cx="5360424" cy="6858000"/>
          </a:xfrm>
          <a:custGeom>
            <a:avLst/>
            <a:gdLst>
              <a:gd name="connsiteX0" fmla="*/ 0 w 6597445"/>
              <a:gd name="connsiteY0" fmla="*/ 0 h 6867832"/>
              <a:gd name="connsiteX1" fmla="*/ 4186015 w 6597445"/>
              <a:gd name="connsiteY1" fmla="*/ 0 h 6867832"/>
              <a:gd name="connsiteX2" fmla="*/ 6597445 w 6597445"/>
              <a:gd name="connsiteY2" fmla="*/ 2376770 h 6867832"/>
              <a:gd name="connsiteX3" fmla="*/ 6597445 w 6597445"/>
              <a:gd name="connsiteY3" fmla="*/ 6867832 h 6867832"/>
              <a:gd name="connsiteX4" fmla="*/ 0 w 6597445"/>
              <a:gd name="connsiteY4" fmla="*/ 6867832 h 6867832"/>
              <a:gd name="connsiteX5" fmla="*/ 0 w 6597445"/>
              <a:gd name="connsiteY5" fmla="*/ 0 h 68678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6597445" h="6867832">
                <a:moveTo>
                  <a:pt x="0" y="0"/>
                </a:moveTo>
                <a:lnTo>
                  <a:pt x="4186015" y="0"/>
                </a:lnTo>
                <a:lnTo>
                  <a:pt x="6597445" y="2376770"/>
                </a:lnTo>
                <a:lnTo>
                  <a:pt x="6597445" y="6867832"/>
                </a:lnTo>
                <a:lnTo>
                  <a:pt x="0" y="6867832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1463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AE937C21-C02A-5AA7-D558-5CE0A858AE9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401138" y="0"/>
            <a:ext cx="6504863" cy="6858000"/>
          </a:xfrm>
          <a:custGeom>
            <a:avLst/>
            <a:gdLst>
              <a:gd name="connsiteX0" fmla="*/ 0 w 8005985"/>
              <a:gd name="connsiteY0" fmla="*/ 0 h 6858000"/>
              <a:gd name="connsiteX1" fmla="*/ 8005985 w 8005985"/>
              <a:gd name="connsiteY1" fmla="*/ 0 h 6858000"/>
              <a:gd name="connsiteX2" fmla="*/ 8005985 w 8005985"/>
              <a:gd name="connsiteY2" fmla="*/ 6858000 h 6858000"/>
              <a:gd name="connsiteX3" fmla="*/ 2411430 w 8005985"/>
              <a:gd name="connsiteY3" fmla="*/ 6858000 h 6858000"/>
              <a:gd name="connsiteX4" fmla="*/ 2411430 w 8005985"/>
              <a:gd name="connsiteY4" fmla="*/ 2373368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005985" h="6858000">
                <a:moveTo>
                  <a:pt x="0" y="0"/>
                </a:moveTo>
                <a:lnTo>
                  <a:pt x="8005985" y="0"/>
                </a:lnTo>
                <a:lnTo>
                  <a:pt x="8005985" y="6858000"/>
                </a:lnTo>
                <a:lnTo>
                  <a:pt x="2411430" y="6858000"/>
                </a:lnTo>
                <a:lnTo>
                  <a:pt x="2411430" y="2373368"/>
                </a:lnTo>
                <a:close/>
              </a:path>
            </a:pathLst>
          </a:custGeom>
          <a:solidFill>
            <a:srgbClr val="EBEBEB"/>
          </a:solidFill>
        </p:spPr>
        <p:txBody>
          <a:bodyPr wrap="square" tIns="1080000" anchor="ctr" anchorCtr="0">
            <a:noAutofit/>
          </a:bodyPr>
          <a:lstStyle>
            <a:lvl1pPr marL="0" indent="0" algn="ctr">
              <a:buNone/>
              <a:defRPr sz="1300">
                <a:solidFill>
                  <a:srgbClr val="000000"/>
                </a:solidFill>
              </a:defRPr>
            </a:lvl1pPr>
          </a:lstStyle>
          <a:p>
            <a:r>
              <a:rPr lang="en-US" noProof="0" dirty="0"/>
              <a:t>Click icon to add picture </a:t>
            </a:r>
            <a:br>
              <a:rPr lang="en-US" noProof="0" dirty="0"/>
            </a:br>
            <a:r>
              <a:rPr lang="en-US" noProof="0" dirty="0"/>
              <a:t>or click on frame and insert </a:t>
            </a:r>
            <a:br>
              <a:rPr lang="en-US" noProof="0" dirty="0"/>
            </a:br>
            <a:r>
              <a:rPr lang="en-US" noProof="0" dirty="0"/>
              <a:t>picture via Templafy Image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6" y="2973600"/>
            <a:ext cx="4419005" cy="565200"/>
          </a:xfrm>
        </p:spPr>
        <p:txBody>
          <a:bodyPr anchor="b"/>
          <a:lstStyle>
            <a:lvl1pPr>
              <a:defRPr sz="2925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99E4414-C804-51E1-C1EA-32117B5376F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438546" y="3747600"/>
            <a:ext cx="4419005" cy="10152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95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2B5440F9-D9B2-4004-63C8-A31898BCB64B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MOTT MACDONALD" descr="{&quot;templafy&quot;:{&quot;id&quot;:&quot;e58753da-8354-4a17-9ed8-8589ee2d62d6&quot;}}" hidden="1" title="UserProfile.Language.PpEntity">
            <a:extLst>
              <a:ext uri="{FF2B5EF4-FFF2-40B4-BE49-F238E27FC236}">
                <a16:creationId xmlns:a16="http://schemas.microsoft.com/office/drawing/2014/main" id="{B82BC09D-31F7-47C2-2CB5-36079E3D6301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chemeClr val="bg1"/>
                </a:solidFill>
              </a:rPr>
              <a:t>Mott MacDonald</a:t>
            </a:r>
          </a:p>
        </p:txBody>
      </p:sp>
      <p:sp>
        <p:nvSpPr>
          <p:cNvPr id="6" name="Slide number">
            <a:extLst>
              <a:ext uri="{FF2B5EF4-FFF2-40B4-BE49-F238E27FC236}">
                <a16:creationId xmlns:a16="http://schemas.microsoft.com/office/drawing/2014/main" id="{51D780B5-D276-30C3-A0F8-C0F00B54D7E3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chemeClr val="bg1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0790599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with Caption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reeform: Shape 16">
            <a:extLst>
              <a:ext uri="{FF2B5EF4-FFF2-40B4-BE49-F238E27FC236}">
                <a16:creationId xmlns:a16="http://schemas.microsoft.com/office/drawing/2014/main" id="{41E8F88B-8FD7-D1A3-DD2A-7A4D8988E7DD}"/>
              </a:ext>
            </a:extLst>
          </p:cNvPr>
          <p:cNvSpPr/>
          <p:nvPr userDrawn="1"/>
        </p:nvSpPr>
        <p:spPr bwMode="white">
          <a:xfrm>
            <a:off x="0" y="0"/>
            <a:ext cx="4800599" cy="6867832"/>
          </a:xfrm>
          <a:custGeom>
            <a:avLst/>
            <a:gdLst>
              <a:gd name="connsiteX0" fmla="*/ 0 w 5908429"/>
              <a:gd name="connsiteY0" fmla="*/ 0 h 6877664"/>
              <a:gd name="connsiteX1" fmla="*/ 4629788 w 5908429"/>
              <a:gd name="connsiteY1" fmla="*/ 0 h 6877664"/>
              <a:gd name="connsiteX2" fmla="*/ 4667093 w 5908429"/>
              <a:gd name="connsiteY2" fmla="*/ 44888 h 6877664"/>
              <a:gd name="connsiteX3" fmla="*/ 5908429 w 5908429"/>
              <a:gd name="connsiteY3" fmla="*/ 3579997 h 6877664"/>
              <a:gd name="connsiteX4" fmla="*/ 5003827 w 5908429"/>
              <a:gd name="connsiteY4" fmla="*/ 6643734 h 6877664"/>
              <a:gd name="connsiteX5" fmla="*/ 4845228 w 5908429"/>
              <a:gd name="connsiteY5" fmla="*/ 6877664 h 6877664"/>
              <a:gd name="connsiteX6" fmla="*/ 0 w 5908429"/>
              <a:gd name="connsiteY6" fmla="*/ 6877664 h 6877664"/>
              <a:gd name="connsiteX7" fmla="*/ 0 w 5908429"/>
              <a:gd name="connsiteY7" fmla="*/ 0 h 68776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5908429" h="6877664">
                <a:moveTo>
                  <a:pt x="0" y="0"/>
                </a:moveTo>
                <a:lnTo>
                  <a:pt x="4629788" y="0"/>
                </a:lnTo>
                <a:lnTo>
                  <a:pt x="4667093" y="44888"/>
                </a:lnTo>
                <a:cubicBezTo>
                  <a:pt x="5446732" y="1030666"/>
                  <a:pt x="5908429" y="2254348"/>
                  <a:pt x="5908429" y="3579997"/>
                </a:cubicBezTo>
                <a:cubicBezTo>
                  <a:pt x="5908429" y="4701701"/>
                  <a:pt x="5577865" y="5750397"/>
                  <a:pt x="5003827" y="6643734"/>
                </a:cubicBezTo>
                <a:lnTo>
                  <a:pt x="4845228" y="6877664"/>
                </a:lnTo>
                <a:lnTo>
                  <a:pt x="0" y="687766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1463" dirty="0">
              <a:solidFill>
                <a:schemeClr val="tx1"/>
              </a:solidFill>
            </a:endParaRP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9B97DD74-6779-F100-CCD3-6AFE309D8BC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761704" y="0"/>
            <a:ext cx="6144296" cy="6858000"/>
          </a:xfrm>
          <a:custGeom>
            <a:avLst/>
            <a:gdLst>
              <a:gd name="connsiteX0" fmla="*/ 0 w 7562211"/>
              <a:gd name="connsiteY0" fmla="*/ 0 h 6858000"/>
              <a:gd name="connsiteX1" fmla="*/ 7562211 w 7562211"/>
              <a:gd name="connsiteY1" fmla="*/ 0 h 6858000"/>
              <a:gd name="connsiteX2" fmla="*/ 7562211 w 7562211"/>
              <a:gd name="connsiteY2" fmla="*/ 6858000 h 6858000"/>
              <a:gd name="connsiteX3" fmla="*/ 222115 w 7562211"/>
              <a:gd name="connsiteY3" fmla="*/ 6858000 h 6858000"/>
              <a:gd name="connsiteX4" fmla="*/ 374038 w 7562211"/>
              <a:gd name="connsiteY4" fmla="*/ 6634237 h 6858000"/>
              <a:gd name="connsiteX5" fmla="*/ 1278640 w 7562211"/>
              <a:gd name="connsiteY5" fmla="*/ 3574879 h 6858000"/>
              <a:gd name="connsiteX6" fmla="*/ 37304 w 7562211"/>
              <a:gd name="connsiteY6" fmla="*/ 44824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7562211" h="6858000">
                <a:moveTo>
                  <a:pt x="0" y="0"/>
                </a:moveTo>
                <a:lnTo>
                  <a:pt x="7562211" y="0"/>
                </a:lnTo>
                <a:lnTo>
                  <a:pt x="7562211" y="6858000"/>
                </a:lnTo>
                <a:lnTo>
                  <a:pt x="222115" y="6858000"/>
                </a:lnTo>
                <a:lnTo>
                  <a:pt x="374038" y="6634237"/>
                </a:lnTo>
                <a:cubicBezTo>
                  <a:pt x="948076" y="5742177"/>
                  <a:pt x="1278640" y="4694980"/>
                  <a:pt x="1278640" y="3574879"/>
                </a:cubicBezTo>
                <a:cubicBezTo>
                  <a:pt x="1278640" y="2251125"/>
                  <a:pt x="816943" y="1029193"/>
                  <a:pt x="37304" y="44824"/>
                </a:cubicBezTo>
                <a:close/>
              </a:path>
            </a:pathLst>
          </a:custGeom>
          <a:solidFill>
            <a:srgbClr val="EBEBEB"/>
          </a:solidFill>
        </p:spPr>
        <p:txBody>
          <a:bodyPr wrap="square" tIns="648000" anchor="ctr" anchorCtr="0">
            <a:noAutofit/>
          </a:bodyPr>
          <a:lstStyle>
            <a:lvl1pPr marL="0" indent="0" algn="ctr" defTabSz="74295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en-US" sz="1300" kern="1200" baseline="0" noProof="0" dirty="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noProof="0" dirty="0"/>
              <a:t>Click icon to add picture or click on frame </a:t>
            </a:r>
            <a:br>
              <a:rPr lang="en-US" noProof="0" dirty="0"/>
            </a:br>
            <a:r>
              <a:rPr lang="en-US" noProof="0" dirty="0"/>
              <a:t>and insert picture via Templafy Image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7" y="2973600"/>
            <a:ext cx="3650259" cy="565200"/>
          </a:xfrm>
        </p:spPr>
        <p:txBody>
          <a:bodyPr anchor="b"/>
          <a:lstStyle>
            <a:lvl1pPr>
              <a:defRPr sz="2925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99E4414-C804-51E1-C1EA-32117B5376F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438547" y="3747600"/>
            <a:ext cx="3650259" cy="10152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95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BDACC5D3-BED6-C64C-3114-0F497E060C67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MOTT MACDONALD" descr="{&quot;templafy&quot;:{&quot;id&quot;:&quot;1d9520f0-ad71-4fb5-894d-98a18319c529&quot;}}" hidden="1" title="UserProfile.Language.PpEntity">
            <a:extLst>
              <a:ext uri="{FF2B5EF4-FFF2-40B4-BE49-F238E27FC236}">
                <a16:creationId xmlns:a16="http://schemas.microsoft.com/office/drawing/2014/main" id="{A96350A9-39AE-F11B-A53A-556E135B58F5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chemeClr val="bg1"/>
                </a:solidFill>
              </a:rPr>
              <a:t>Mott MacDonald</a:t>
            </a:r>
          </a:p>
        </p:txBody>
      </p:sp>
      <p:sp>
        <p:nvSpPr>
          <p:cNvPr id="6" name="Slide number">
            <a:extLst>
              <a:ext uri="{FF2B5EF4-FFF2-40B4-BE49-F238E27FC236}">
                <a16:creationId xmlns:a16="http://schemas.microsoft.com/office/drawing/2014/main" id="{CAACB20D-D5DA-69E0-2A5F-E7363AC69F2E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chemeClr val="bg1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908749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with Caption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FC2089AB-4C60-2ED0-10EE-BC9F16D3FDBA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9B97DD74-6779-F100-CCD3-6AFE309D8BC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" y="0"/>
            <a:ext cx="9906000" cy="5022000"/>
          </a:xfrm>
          <a:prstGeom prst="rect">
            <a:avLst/>
          </a:prstGeom>
          <a:solidFill>
            <a:srgbClr val="EBEBEB"/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300">
                <a:solidFill>
                  <a:srgbClr val="000000"/>
                </a:solidFill>
              </a:defRPr>
            </a:lvl1pPr>
          </a:lstStyle>
          <a:p>
            <a:r>
              <a:rPr lang="en-US" noProof="0" dirty="0"/>
              <a:t>Click icon to add picture or click on frame and insert picture via Templafy Images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BC2FA9A1-0B24-4F0A-6FCE-74B137FFE9F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9" y="5563337"/>
            <a:ext cx="9027616" cy="38189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5789978D-3D65-AFB1-52FB-8DDD6B33B2C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8547" y="5956663"/>
            <a:ext cx="9027616" cy="36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488"/>
              </a:spcAft>
              <a:buFont typeface="Arial" panose="020B0604020202020204" pitchFamily="34" charset="0"/>
              <a:buChar char="​"/>
              <a:defRPr sz="1788"/>
            </a:lvl1pPr>
            <a:lvl2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2pPr>
            <a:lvl3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3pPr>
            <a:lvl4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4pPr>
            <a:lvl5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5pPr>
            <a:lvl6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6pPr>
            <a:lvl7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7pPr>
            <a:lvl8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8pPr>
            <a:lvl9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9pPr>
          </a:lstStyle>
          <a:p>
            <a:r>
              <a:rPr lang="en-US" noProof="0" dirty="0"/>
              <a:t>Click to add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46382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Cov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012BC9EB-552F-494D-A5FD-01982FA346C1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4" name="Graphic 7">
            <a:extLst>
              <a:ext uri="{FF2B5EF4-FFF2-40B4-BE49-F238E27FC236}">
                <a16:creationId xmlns:a16="http://schemas.microsoft.com/office/drawing/2014/main" id="{6DF90C91-7C21-1C40-59A1-9D8EE3FC36A2}"/>
              </a:ext>
            </a:extLst>
          </p:cNvPr>
          <p:cNvSpPr/>
          <p:nvPr userDrawn="1"/>
        </p:nvSpPr>
        <p:spPr>
          <a:xfrm>
            <a:off x="5432189" y="539750"/>
            <a:ext cx="4473811" cy="6318250"/>
          </a:xfrm>
          <a:custGeom>
            <a:avLst/>
            <a:gdLst>
              <a:gd name="connsiteX0" fmla="*/ 0 w 5511307"/>
              <a:gd name="connsiteY0" fmla="*/ 6324078 h 6324077"/>
              <a:gd name="connsiteX1" fmla="*/ 5511308 w 5511307"/>
              <a:gd name="connsiteY1" fmla="*/ 6324078 h 6324077"/>
              <a:gd name="connsiteX2" fmla="*/ 5511308 w 5511307"/>
              <a:gd name="connsiteY2" fmla="*/ 0 h 6324077"/>
              <a:gd name="connsiteX3" fmla="*/ 1707349 w 5511307"/>
              <a:gd name="connsiteY3" fmla="*/ 0 h 6324077"/>
              <a:gd name="connsiteX4" fmla="*/ 0 w 5511307"/>
              <a:gd name="connsiteY4" fmla="*/ 1707349 h 6324077"/>
              <a:gd name="connsiteX5" fmla="*/ 0 w 5511307"/>
              <a:gd name="connsiteY5" fmla="*/ 6324078 h 6324077"/>
              <a:gd name="connsiteX6" fmla="*/ 0 w 5511307"/>
              <a:gd name="connsiteY6" fmla="*/ 6324078 h 632407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5511307" h="6324077">
                <a:moveTo>
                  <a:pt x="0" y="6324078"/>
                </a:moveTo>
                <a:lnTo>
                  <a:pt x="5511308" y="6324078"/>
                </a:lnTo>
                <a:lnTo>
                  <a:pt x="5511308" y="0"/>
                </a:lnTo>
                <a:lnTo>
                  <a:pt x="1707349" y="0"/>
                </a:lnTo>
                <a:cubicBezTo>
                  <a:pt x="764445" y="0"/>
                  <a:pt x="0" y="764445"/>
                  <a:pt x="0" y="1707349"/>
                </a:cubicBezTo>
                <a:lnTo>
                  <a:pt x="0" y="6324078"/>
                </a:lnTo>
                <a:lnTo>
                  <a:pt x="0" y="6324078"/>
                </a:lnTo>
                <a:close/>
              </a:path>
            </a:pathLst>
          </a:custGeom>
          <a:solidFill>
            <a:schemeClr val="accent1"/>
          </a:solidFill>
          <a:ln w="12678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463"/>
          </a:p>
        </p:txBody>
      </p:sp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EC303B1-04E2-4C48-814A-5AE48F403449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38547" y="3294000"/>
            <a:ext cx="4608612" cy="676800"/>
          </a:xfrm>
        </p:spPr>
        <p:txBody>
          <a:bodyPr anchor="b"/>
          <a:lstStyle>
            <a:lvl1pPr algn="l">
              <a:defRPr sz="3575" b="0" cap="all" baseline="0">
                <a:solidFill>
                  <a:srgbClr val="000000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38547" y="4320000"/>
            <a:ext cx="4608612" cy="10152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788">
                <a:solidFill>
                  <a:srgbClr val="000000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  <a:br>
              <a:rPr lang="en-GB" dirty="0"/>
            </a:br>
            <a:r>
              <a:rPr lang="en-GB" dirty="0"/>
              <a:t>More layouts in </a:t>
            </a:r>
            <a:r>
              <a:rPr lang="en-GB" dirty="0" err="1"/>
              <a:t>Templafy</a:t>
            </a:r>
            <a:r>
              <a:rPr lang="en-GB" dirty="0"/>
              <a:t> &gt; Toolkit</a:t>
            </a:r>
          </a:p>
        </p:txBody>
      </p:sp>
    </p:spTree>
    <p:extLst>
      <p:ext uri="{BB962C8B-B14F-4D97-AF65-F5344CB8AC3E}">
        <p14:creationId xmlns:p14="http://schemas.microsoft.com/office/powerpoint/2010/main" val="389014872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raphic 2">
            <a:extLst>
              <a:ext uri="{FF2B5EF4-FFF2-40B4-BE49-F238E27FC236}">
                <a16:creationId xmlns:a16="http://schemas.microsoft.com/office/drawing/2014/main" id="{5878C4D4-FD2D-87B5-0495-063FA9E216C1}"/>
              </a:ext>
            </a:extLst>
          </p:cNvPr>
          <p:cNvSpPr/>
          <p:nvPr/>
        </p:nvSpPr>
        <p:spPr>
          <a:xfrm>
            <a:off x="0" y="-1"/>
            <a:ext cx="8889144" cy="5965771"/>
          </a:xfrm>
          <a:custGeom>
            <a:avLst/>
            <a:gdLst>
              <a:gd name="connsiteX0" fmla="*/ 0 w 10940485"/>
              <a:gd name="connsiteY0" fmla="*/ 0 h 5965771"/>
              <a:gd name="connsiteX1" fmla="*/ 10940486 w 10940485"/>
              <a:gd name="connsiteY1" fmla="*/ 0 h 5965771"/>
              <a:gd name="connsiteX2" fmla="*/ 10940486 w 10940485"/>
              <a:gd name="connsiteY2" fmla="*/ 4499592 h 5965771"/>
              <a:gd name="connsiteX3" fmla="*/ 9464553 w 10940485"/>
              <a:gd name="connsiteY3" fmla="*/ 5965772 h 5965771"/>
              <a:gd name="connsiteX4" fmla="*/ 0 w 10940485"/>
              <a:gd name="connsiteY4" fmla="*/ 5965772 h 5965771"/>
              <a:gd name="connsiteX5" fmla="*/ 0 w 10940485"/>
              <a:gd name="connsiteY5" fmla="*/ 0 h 5965771"/>
              <a:gd name="connsiteX6" fmla="*/ 0 w 10940485"/>
              <a:gd name="connsiteY6" fmla="*/ 0 h 596577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0940485" h="5965771">
                <a:moveTo>
                  <a:pt x="0" y="0"/>
                </a:moveTo>
                <a:lnTo>
                  <a:pt x="10940486" y="0"/>
                </a:lnTo>
                <a:lnTo>
                  <a:pt x="10940486" y="4499592"/>
                </a:lnTo>
                <a:cubicBezTo>
                  <a:pt x="10940486" y="5309298"/>
                  <a:pt x="10279645" y="5965772"/>
                  <a:pt x="9464553" y="5965772"/>
                </a:cubicBezTo>
                <a:lnTo>
                  <a:pt x="0" y="5965772"/>
                </a:lnTo>
                <a:lnTo>
                  <a:pt x="0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/>
          </a:solidFill>
          <a:ln w="12774" cap="flat">
            <a:noFill/>
            <a:prstDash val="solid"/>
            <a:miter/>
          </a:ln>
        </p:spPr>
        <p:txBody>
          <a:bodyPr rtlCol="0" anchor="ctr"/>
          <a:lstStyle/>
          <a:p>
            <a:endParaRPr lang="da-DK" sz="1463"/>
          </a:p>
        </p:txBody>
      </p:sp>
      <p:sp>
        <p:nvSpPr>
          <p:cNvPr id="4" name="Media Placeholder 13">
            <a:extLst>
              <a:ext uri="{FF2B5EF4-FFF2-40B4-BE49-F238E27FC236}">
                <a16:creationId xmlns:a16="http://schemas.microsoft.com/office/drawing/2014/main" id="{9C2A00CE-F8A8-75DB-D367-78FCE925E691}"/>
              </a:ext>
            </a:extLst>
          </p:cNvPr>
          <p:cNvSpPr>
            <a:spLocks noGrp="1"/>
          </p:cNvSpPr>
          <p:nvPr>
            <p:ph type="media" sz="quarter" idx="10" hasCustomPrompt="1"/>
          </p:nvPr>
        </p:nvSpPr>
        <p:spPr>
          <a:xfrm>
            <a:off x="1128101" y="891215"/>
            <a:ext cx="7760213" cy="5075603"/>
          </a:xfrm>
          <a:custGeom>
            <a:avLst/>
            <a:gdLst>
              <a:gd name="connsiteX0" fmla="*/ 0 w 9551031"/>
              <a:gd name="connsiteY0" fmla="*/ 0 h 5075603"/>
              <a:gd name="connsiteX1" fmla="*/ 9551031 w 9551031"/>
              <a:gd name="connsiteY1" fmla="*/ 0 h 5075603"/>
              <a:gd name="connsiteX2" fmla="*/ 9551031 w 9551031"/>
              <a:gd name="connsiteY2" fmla="*/ 4165702 h 5075603"/>
              <a:gd name="connsiteX3" fmla="*/ 9532531 w 9551031"/>
              <a:gd name="connsiteY3" fmla="*/ 4348970 h 5075603"/>
              <a:gd name="connsiteX4" fmla="*/ 8734094 w 9551031"/>
              <a:gd name="connsiteY4" fmla="*/ 5070903 h 5075603"/>
              <a:gd name="connsiteX5" fmla="*/ 8641138 w 9551031"/>
              <a:gd name="connsiteY5" fmla="*/ 5075603 h 5075603"/>
              <a:gd name="connsiteX6" fmla="*/ 0 w 9551031"/>
              <a:gd name="connsiteY6" fmla="*/ 5075603 h 50756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9551031" h="5075603">
                <a:moveTo>
                  <a:pt x="0" y="0"/>
                </a:moveTo>
                <a:lnTo>
                  <a:pt x="9551031" y="0"/>
                </a:lnTo>
                <a:lnTo>
                  <a:pt x="9551031" y="4165702"/>
                </a:lnTo>
                <a:lnTo>
                  <a:pt x="9532531" y="4348970"/>
                </a:lnTo>
                <a:cubicBezTo>
                  <a:pt x="9453688" y="4733828"/>
                  <a:pt x="9131528" y="5030486"/>
                  <a:pt x="8734094" y="5070903"/>
                </a:cubicBezTo>
                <a:lnTo>
                  <a:pt x="8641138" y="5075603"/>
                </a:lnTo>
                <a:lnTo>
                  <a:pt x="0" y="5075603"/>
                </a:lnTo>
                <a:close/>
              </a:path>
            </a:pathLst>
          </a:custGeom>
          <a:solidFill>
            <a:srgbClr val="EBEBEB"/>
          </a:solidFill>
        </p:spPr>
        <p:txBody>
          <a:bodyPr wrap="square" tIns="468000" anchor="ctr">
            <a:noAutofit/>
          </a:bodyPr>
          <a:lstStyle>
            <a:lvl1pPr marL="0" indent="0" algn="ctr">
              <a:buNone/>
              <a:defRPr sz="1138">
                <a:solidFill>
                  <a:srgbClr val="000000"/>
                </a:solidFill>
                <a:latin typeface="+mn-lt"/>
              </a:defRPr>
            </a:lvl1pPr>
          </a:lstStyle>
          <a:p>
            <a:r>
              <a:rPr lang="en-US" dirty="0"/>
              <a:t>Click on icon to add video from your computer</a:t>
            </a:r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CD522797-EB7F-853E-7342-35E8B9BD3D4F}"/>
              </a:ext>
            </a:extLst>
          </p:cNvPr>
          <p:cNvSpPr/>
          <p:nvPr userDrawn="1"/>
        </p:nvSpPr>
        <p:spPr bwMode="black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D402B90-58E3-4C8B-A645-4C539A49871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8549" y="3589021"/>
            <a:ext cx="9027616" cy="2727643"/>
          </a:xfrm>
        </p:spPr>
        <p:txBody>
          <a:bodyPr anchor="b"/>
          <a:lstStyle>
            <a:lvl1pPr>
              <a:defRPr sz="8125" b="0" cap="all" baseline="0"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hank you</a:t>
            </a:r>
          </a:p>
        </p:txBody>
      </p:sp>
      <p:pic>
        <p:nvPicPr>
          <p:cNvPr id="2074089776" name="Logo" descr="{&quot;templafy&quot;:{&quot;id&quot;:&quot;acf35c17-ae39-48c0-98f6-beeb11115bf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38750" y="539750"/>
            <a:ext cx="958870" cy="10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126858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57F009A4-4B7A-E9D4-D955-12B72B345A54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D402B90-58E3-4C8B-A645-4C539A49871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9" y="3589021"/>
            <a:ext cx="9027616" cy="2727643"/>
          </a:xfrm>
        </p:spPr>
        <p:txBody>
          <a:bodyPr anchor="b"/>
          <a:lstStyle>
            <a:lvl1pPr>
              <a:defRPr sz="8125" b="0" cap="all" baseline="0"/>
            </a:lvl1pPr>
          </a:lstStyle>
          <a:p>
            <a:r>
              <a:rPr lang="en-GB" dirty="0"/>
              <a:t>Click to add Thank you</a:t>
            </a:r>
          </a:p>
        </p:txBody>
      </p:sp>
      <p:pic>
        <p:nvPicPr>
          <p:cNvPr id="2035647151" name="Logo" descr="{&quot;templafy&quot;:{&quot;id&quot;:&quot;76a67ef4-020c-47a6-bf81-75f7d52eb25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38751" y="539750"/>
            <a:ext cx="967501" cy="10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7180562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 Onl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D0890750-1653-EA5A-E67C-885E9690DFF5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8B5B2D58-BDBE-7457-0BD3-0550961EEC4F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MOTT MACDONALD" descr="{&quot;templafy&quot;:{&quot;id&quot;:&quot;cc6ea05b-97a0-4dd9-a2d7-e6074eade6b1&quot;}}" hidden="1" title="UserProfile.Language.PpEntity">
            <a:extLst>
              <a:ext uri="{FF2B5EF4-FFF2-40B4-BE49-F238E27FC236}">
                <a16:creationId xmlns:a16="http://schemas.microsoft.com/office/drawing/2014/main" id="{20EAFB41-6005-B2F9-3A21-DB9FD1EA471E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14" name="Date Placeholder 1" descr="{&quot;templafy&quot;:{&quot;id&quot;:&quot;b9b1eea3-7535-4298-bbaf-e57db0c56576&quot;}}">
            <a:extLst>
              <a:ext uri="{FF2B5EF4-FFF2-40B4-BE49-F238E27FC236}">
                <a16:creationId xmlns:a16="http://schemas.microsoft.com/office/drawing/2014/main" id="{20C73BD3-CA83-F51E-2BD4-2613E2BF12EF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5" name="Slide number">
            <a:extLst>
              <a:ext uri="{FF2B5EF4-FFF2-40B4-BE49-F238E27FC236}">
                <a16:creationId xmlns:a16="http://schemas.microsoft.com/office/drawing/2014/main" id="{9039341E-DAFB-F1D1-DD4B-C934B10E738A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 Onl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128944955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 with Sub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4CE0038E-686A-6CA8-16E4-CA793B7E93DE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189A4E-0D43-489B-A148-512160139E5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9" y="541337"/>
            <a:ext cx="9027616" cy="432000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C1EE6D30-DAE4-43B3-A64F-3F8C0D304EC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8547" y="984767"/>
            <a:ext cx="9027616" cy="36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488"/>
              </a:spcAft>
              <a:buFont typeface="Arial" panose="020B0604020202020204" pitchFamily="34" charset="0"/>
              <a:buChar char="​"/>
              <a:defRPr sz="1788">
                <a:solidFill>
                  <a:srgbClr val="FFFFFF"/>
                </a:solidFill>
              </a:defRPr>
            </a:lvl1pPr>
            <a:lvl2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2pPr>
            <a:lvl3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3pPr>
            <a:lvl4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4pPr>
            <a:lvl5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5pPr>
            <a:lvl6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6pPr>
            <a:lvl7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7pPr>
            <a:lvl8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8pPr>
            <a:lvl9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9pPr>
          </a:lstStyle>
          <a:p>
            <a:r>
              <a:rPr lang="en-US" noProof="0" dirty="0"/>
              <a:t>Click to add subtitle</a:t>
            </a:r>
            <a:endParaRPr lang="en-GB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A9DC432-1D6D-D351-62F4-71E14E269A7E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MOTT MACDONALD" descr="{&quot;templafy&quot;:{&quot;id&quot;:&quot;951a7911-0bb2-4d09-8615-925a5eb82ee7&quot;}}" hidden="1" title="UserProfile.Language.PpEntity">
            <a:extLst>
              <a:ext uri="{FF2B5EF4-FFF2-40B4-BE49-F238E27FC236}">
                <a16:creationId xmlns:a16="http://schemas.microsoft.com/office/drawing/2014/main" id="{5188A2FB-BCEE-E568-5111-AE8A0D650ABC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11" name="Date Placeholder 1" descr="{&quot;templafy&quot;:{&quot;id&quot;:&quot;3585c22e-98e3-4105-97b5-79a50196e623&quot;}}">
            <a:extLst>
              <a:ext uri="{FF2B5EF4-FFF2-40B4-BE49-F238E27FC236}">
                <a16:creationId xmlns:a16="http://schemas.microsoft.com/office/drawing/2014/main" id="{765E341D-C2BB-38CE-5E42-A9B39E2F8B90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5A2A9CF9-BBB9-63A5-58BD-01BA6722AF4F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6866920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 with Sub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189A4E-0D43-489B-A148-512160139E5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9" y="541337"/>
            <a:ext cx="9027616" cy="432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C1EE6D30-DAE4-43B3-A64F-3F8C0D304EC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8547" y="984767"/>
            <a:ext cx="9027616" cy="36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488"/>
              </a:spcAft>
              <a:buFont typeface="Arial" panose="020B0604020202020204" pitchFamily="34" charset="0"/>
              <a:buChar char="​"/>
              <a:defRPr sz="1788">
                <a:solidFill>
                  <a:srgbClr val="000000"/>
                </a:solidFill>
              </a:defRPr>
            </a:lvl1pPr>
            <a:lvl2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2pPr>
            <a:lvl3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3pPr>
            <a:lvl4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4pPr>
            <a:lvl5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5pPr>
            <a:lvl6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6pPr>
            <a:lvl7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7pPr>
            <a:lvl8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8pPr>
            <a:lvl9pPr marL="0" indent="0" algn="l">
              <a:spcAft>
                <a:spcPts val="488"/>
              </a:spcAft>
              <a:buFont typeface="Arial" panose="020B0604020202020204" pitchFamily="34" charset="0"/>
              <a:buNone/>
              <a:defRPr sz="1788" b="0">
                <a:latin typeface="+mn-lt"/>
              </a:defRPr>
            </a:lvl9pPr>
          </a:lstStyle>
          <a:p>
            <a:r>
              <a:rPr lang="en-US" noProof="0" dirty="0"/>
              <a:t>Click to add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6652767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AE9394D-36EA-C5C3-7F8B-BB7883D35C59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CBFAEA27-678B-5FE2-CE34-8B2684D0B7EB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MOTT MACDONALD" descr="{&quot;templafy&quot;:{&quot;id&quot;:&quot;18db8b71-6e8c-4ac1-aab6-58215a8f35dc&quot;}}" hidden="1" title="UserProfile.Language.PpEntity">
            <a:extLst>
              <a:ext uri="{FF2B5EF4-FFF2-40B4-BE49-F238E27FC236}">
                <a16:creationId xmlns:a16="http://schemas.microsoft.com/office/drawing/2014/main" id="{0A4C8164-8326-27EE-D623-E2F34F931A77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FFFFFF"/>
                </a:solidFill>
              </a:rPr>
              <a:t>Mott MacDonald</a:t>
            </a:r>
          </a:p>
        </p:txBody>
      </p:sp>
      <p:sp>
        <p:nvSpPr>
          <p:cNvPr id="7" name="Date Placeholder 1" descr="{&quot;templafy&quot;:{&quot;id&quot;:&quot;5b100036-83d5-4862-a780-eaa00053715b&quot;}}">
            <a:extLst>
              <a:ext uri="{FF2B5EF4-FFF2-40B4-BE49-F238E27FC236}">
                <a16:creationId xmlns:a16="http://schemas.microsoft.com/office/drawing/2014/main" id="{310648E0-D193-1E2D-BF67-AD13684440FD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0" name="Slide number">
            <a:extLst>
              <a:ext uri="{FF2B5EF4-FFF2-40B4-BE49-F238E27FC236}">
                <a16:creationId xmlns:a16="http://schemas.microsoft.com/office/drawing/2014/main" id="{ECFED091-917A-071E-EB6E-6AB0901B0E0D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FFFFFF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7661777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AE9394D-36EA-C5C3-7F8B-BB7883D35C59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62766F59-8931-27EA-0675-FB49B446A021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MOTT MACDONALD" descr="{&quot;templafy&quot;:{&quot;id&quot;:&quot;85936c27-7c86-4196-9e57-7b345fb51184&quot;}}" hidden="1" title="UserProfile.Language.PpEntity">
            <a:extLst>
              <a:ext uri="{FF2B5EF4-FFF2-40B4-BE49-F238E27FC236}">
                <a16:creationId xmlns:a16="http://schemas.microsoft.com/office/drawing/2014/main" id="{B6D759DC-DF61-A330-1C9C-2FDAA49C0436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chemeClr val="bg1"/>
                </a:solidFill>
              </a:rPr>
              <a:t>Mott MacDonald</a:t>
            </a:r>
          </a:p>
        </p:txBody>
      </p:sp>
      <p:sp>
        <p:nvSpPr>
          <p:cNvPr id="8" name="Date Placeholder 1" descr="{&quot;templafy&quot;:{&quot;id&quot;:&quot;25aba585-d487-42ff-9f95-93fb5c33ac18&quot;}}">
            <a:extLst>
              <a:ext uri="{FF2B5EF4-FFF2-40B4-BE49-F238E27FC236}">
                <a16:creationId xmlns:a16="http://schemas.microsoft.com/office/drawing/2014/main" id="{B8AE0D03-95CD-E12E-8F18-29B659E16D2F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6CE8603C-24C7-1E42-EC8B-BBC3BD3E7DC3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chemeClr val="bg1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4552116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Cov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1635CBBD-C195-A6E0-3A27-AEAE0EF8A1E9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4" name="Graphic 7">
            <a:extLst>
              <a:ext uri="{FF2B5EF4-FFF2-40B4-BE49-F238E27FC236}">
                <a16:creationId xmlns:a16="http://schemas.microsoft.com/office/drawing/2014/main" id="{6DF90C91-7C21-1C40-59A1-9D8EE3FC36A2}"/>
              </a:ext>
            </a:extLst>
          </p:cNvPr>
          <p:cNvSpPr/>
          <p:nvPr userDrawn="1"/>
        </p:nvSpPr>
        <p:spPr>
          <a:xfrm>
            <a:off x="5432189" y="539750"/>
            <a:ext cx="4473811" cy="6318250"/>
          </a:xfrm>
          <a:custGeom>
            <a:avLst/>
            <a:gdLst>
              <a:gd name="connsiteX0" fmla="*/ 0 w 5511307"/>
              <a:gd name="connsiteY0" fmla="*/ 6324078 h 6324077"/>
              <a:gd name="connsiteX1" fmla="*/ 5511308 w 5511307"/>
              <a:gd name="connsiteY1" fmla="*/ 6324078 h 6324077"/>
              <a:gd name="connsiteX2" fmla="*/ 5511308 w 5511307"/>
              <a:gd name="connsiteY2" fmla="*/ 0 h 6324077"/>
              <a:gd name="connsiteX3" fmla="*/ 1707349 w 5511307"/>
              <a:gd name="connsiteY3" fmla="*/ 0 h 6324077"/>
              <a:gd name="connsiteX4" fmla="*/ 0 w 5511307"/>
              <a:gd name="connsiteY4" fmla="*/ 1707349 h 6324077"/>
              <a:gd name="connsiteX5" fmla="*/ 0 w 5511307"/>
              <a:gd name="connsiteY5" fmla="*/ 6324078 h 6324077"/>
              <a:gd name="connsiteX6" fmla="*/ 0 w 5511307"/>
              <a:gd name="connsiteY6" fmla="*/ 6324078 h 632407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5511307" h="6324077">
                <a:moveTo>
                  <a:pt x="0" y="6324078"/>
                </a:moveTo>
                <a:lnTo>
                  <a:pt x="5511308" y="6324078"/>
                </a:lnTo>
                <a:lnTo>
                  <a:pt x="5511308" y="0"/>
                </a:lnTo>
                <a:lnTo>
                  <a:pt x="1707349" y="0"/>
                </a:lnTo>
                <a:cubicBezTo>
                  <a:pt x="764445" y="0"/>
                  <a:pt x="0" y="764445"/>
                  <a:pt x="0" y="1707349"/>
                </a:cubicBezTo>
                <a:lnTo>
                  <a:pt x="0" y="6324078"/>
                </a:lnTo>
                <a:lnTo>
                  <a:pt x="0" y="6324078"/>
                </a:lnTo>
                <a:close/>
              </a:path>
            </a:pathLst>
          </a:custGeom>
          <a:solidFill>
            <a:schemeClr val="accent1"/>
          </a:solidFill>
          <a:ln w="12678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463"/>
          </a:p>
        </p:txBody>
      </p:sp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658ED84-C343-4A17-B710-75B3084C93B4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38547" y="3294000"/>
            <a:ext cx="4608612" cy="676800"/>
          </a:xfrm>
        </p:spPr>
        <p:txBody>
          <a:bodyPr anchor="b"/>
          <a:lstStyle>
            <a:lvl1pPr algn="l">
              <a:defRPr sz="3575" b="0" cap="all" baseline="0">
                <a:solidFill>
                  <a:srgbClr val="FFFFFF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38547" y="4320000"/>
            <a:ext cx="4608612" cy="10152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788">
                <a:solidFill>
                  <a:srgbClr val="FFFFFF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  <a:br>
              <a:rPr lang="en-GB" dirty="0"/>
            </a:br>
            <a:r>
              <a:rPr lang="en-GB" dirty="0"/>
              <a:t>More layouts in </a:t>
            </a:r>
            <a:r>
              <a:rPr lang="en-GB" dirty="0" err="1"/>
              <a:t>Templafy</a:t>
            </a:r>
            <a:r>
              <a:rPr lang="en-GB" dirty="0"/>
              <a:t> &gt; Toolkit</a:t>
            </a: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AE9394D-36EA-C5C3-7F8B-BB7883D35C59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7E53FA70-9FA3-5297-0D9D-68BAF72D961F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MOTT MACDONALD" descr="{&quot;templafy&quot;:{&quot;id&quot;:&quot;2cb926e6-48b4-4365-8eaf-cbf373f620e2&quot;}}" hidden="1" title="UserProfile.Language.PpEntity">
            <a:extLst>
              <a:ext uri="{FF2B5EF4-FFF2-40B4-BE49-F238E27FC236}">
                <a16:creationId xmlns:a16="http://schemas.microsoft.com/office/drawing/2014/main" id="{814CB13F-EF12-EA2D-180A-075DD591863E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chemeClr val="tx1"/>
                </a:solidFill>
              </a:rPr>
              <a:t>Mott MacDonald</a:t>
            </a:r>
          </a:p>
        </p:txBody>
      </p:sp>
      <p:sp>
        <p:nvSpPr>
          <p:cNvPr id="9" name="Date Placeholder 1" descr="{&quot;templafy&quot;:{&quot;id&quot;:&quot;791449a5-8262-4d86-9e64-798a8285649c&quot;}}">
            <a:extLst>
              <a:ext uri="{FF2B5EF4-FFF2-40B4-BE49-F238E27FC236}">
                <a16:creationId xmlns:a16="http://schemas.microsoft.com/office/drawing/2014/main" id="{CA0A1840-F7A3-09FE-7B0E-1A4672305BB7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0" name="Slide number">
            <a:extLst>
              <a:ext uri="{FF2B5EF4-FFF2-40B4-BE49-F238E27FC236}">
                <a16:creationId xmlns:a16="http://schemas.microsoft.com/office/drawing/2014/main" id="{97075053-75EF-0139-D128-23286A28E7F2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chemeClr val="tx1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1680099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AE9394D-36EA-C5C3-7F8B-BB7883D35C59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0097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4DF89881-9B01-A357-630C-EE1583836FF8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MOTT MACDONALD" descr="{&quot;templafy&quot;:{&quot;id&quot;:&quot;9b2c03ba-795d-42b6-83f3-664b0065ae7d&quot;}}" hidden="1" title="UserProfile.Language.PpEntity">
            <a:extLst>
              <a:ext uri="{FF2B5EF4-FFF2-40B4-BE49-F238E27FC236}">
                <a16:creationId xmlns:a16="http://schemas.microsoft.com/office/drawing/2014/main" id="{295C6A5F-6892-92AD-6E7B-0E2EC39CFBA1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000000"/>
                </a:solidFill>
              </a:rPr>
              <a:t>Mott MacDonald</a:t>
            </a:r>
          </a:p>
        </p:txBody>
      </p:sp>
      <p:sp>
        <p:nvSpPr>
          <p:cNvPr id="9" name="Date Placeholder 1" descr="{&quot;templafy&quot;:{&quot;id&quot;:&quot;d1da0ca1-90a7-46f0-bf07-1901d738052f&quot;}}">
            <a:extLst>
              <a:ext uri="{FF2B5EF4-FFF2-40B4-BE49-F238E27FC236}">
                <a16:creationId xmlns:a16="http://schemas.microsoft.com/office/drawing/2014/main" id="{BD24F135-32A9-DD3B-A12A-A6B477F15C2E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0" name="Slide number">
            <a:extLst>
              <a:ext uri="{FF2B5EF4-FFF2-40B4-BE49-F238E27FC236}">
                <a16:creationId xmlns:a16="http://schemas.microsoft.com/office/drawing/2014/main" id="{97D643B7-01DB-C70B-7683-3970CA5CDDD2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000000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66239560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AE9394D-36EA-C5C3-7F8B-BB7883D35C59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9AD24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2BB4F439-00BD-1758-757A-24A6130DBA07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MOTT MACDONALD" descr="{&quot;templafy&quot;:{&quot;id&quot;:&quot;88962f0a-4439-45e2-bc90-bf83d3d64993&quot;}}" hidden="1" title="UserProfile.Language.PpEntity">
            <a:extLst>
              <a:ext uri="{FF2B5EF4-FFF2-40B4-BE49-F238E27FC236}">
                <a16:creationId xmlns:a16="http://schemas.microsoft.com/office/drawing/2014/main" id="{9B8361D7-1A82-82C1-4457-E66F2CEEF00C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000000"/>
                </a:solidFill>
              </a:rPr>
              <a:t>Mott MacDonald</a:t>
            </a:r>
          </a:p>
        </p:txBody>
      </p:sp>
      <p:sp>
        <p:nvSpPr>
          <p:cNvPr id="9" name="Date Placeholder 1" descr="{&quot;templafy&quot;:{&quot;id&quot;:&quot;8069345d-2c1d-4992-95a9-ea6f4468c646&quot;}}">
            <a:extLst>
              <a:ext uri="{FF2B5EF4-FFF2-40B4-BE49-F238E27FC236}">
                <a16:creationId xmlns:a16="http://schemas.microsoft.com/office/drawing/2014/main" id="{02E55724-B8D9-C6D9-8235-04A9BC431D32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0" name="Slide number">
            <a:extLst>
              <a:ext uri="{FF2B5EF4-FFF2-40B4-BE49-F238E27FC236}">
                <a16:creationId xmlns:a16="http://schemas.microsoft.com/office/drawing/2014/main" id="{D58F0E0E-F4C2-7E2F-C1DA-A922B6B46EA3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000000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48794425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AE9394D-36EA-C5C3-7F8B-BB7883D35C59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D41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5C8E7E9C-4E05-7E14-B78C-DEB06B6DA68C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MOTT MACDONALD" descr="{&quot;templafy&quot;:{&quot;id&quot;:&quot;e1aaa419-d0eb-4438-8d71-2ed8dfc98900&quot;}}" hidden="1" title="UserProfile.Language.PpEntity">
            <a:extLst>
              <a:ext uri="{FF2B5EF4-FFF2-40B4-BE49-F238E27FC236}">
                <a16:creationId xmlns:a16="http://schemas.microsoft.com/office/drawing/2014/main" id="{DF155826-458E-B304-C909-C7C8C820C17E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000000"/>
                </a:solidFill>
              </a:rPr>
              <a:t>Mott MacDonald</a:t>
            </a:r>
          </a:p>
        </p:txBody>
      </p:sp>
      <p:sp>
        <p:nvSpPr>
          <p:cNvPr id="9" name="Date Placeholder 1" descr="{&quot;templafy&quot;:{&quot;id&quot;:&quot;fb032138-37b5-4cdc-b207-4bf7b23923a4&quot;}}">
            <a:extLst>
              <a:ext uri="{FF2B5EF4-FFF2-40B4-BE49-F238E27FC236}">
                <a16:creationId xmlns:a16="http://schemas.microsoft.com/office/drawing/2014/main" id="{0463D955-A514-640E-8864-142AC59EBD77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0" name="Slide number">
            <a:extLst>
              <a:ext uri="{FF2B5EF4-FFF2-40B4-BE49-F238E27FC236}">
                <a16:creationId xmlns:a16="http://schemas.microsoft.com/office/drawing/2014/main" id="{BC05DFB1-F7D8-CE95-359B-3390050A5EC8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000000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89126095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8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AE9394D-36EA-C5C3-7F8B-BB7883D35C59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670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014301B8-EFDF-BE3A-AAC5-EEA9AB43749C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3467"/>
            <a:ext cx="0" cy="105822"/>
          </a:xfrm>
          <a:prstGeom prst="line">
            <a:avLst/>
          </a:prstGeom>
          <a:ln w="6350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MOTT MACDONALD" descr="{&quot;templafy&quot;:{&quot;id&quot;:&quot;6f63b5fc-e16b-4bef-8ae0-07483dd285f2&quot;}}" hidden="1" title="UserProfile.Language.PpEntity">
            <a:extLst>
              <a:ext uri="{FF2B5EF4-FFF2-40B4-BE49-F238E27FC236}">
                <a16:creationId xmlns:a16="http://schemas.microsoft.com/office/drawing/2014/main" id="{3166736C-6F54-7C40-D5E7-A1E0DC35DA3D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GB" sz="731" dirty="0">
                <a:solidFill>
                  <a:srgbClr val="000000"/>
                </a:solidFill>
              </a:rPr>
              <a:t>Mott MacDonald</a:t>
            </a:r>
          </a:p>
        </p:txBody>
      </p:sp>
      <p:sp>
        <p:nvSpPr>
          <p:cNvPr id="9" name="Date Placeholder 1" descr="{&quot;templafy&quot;:{&quot;id&quot;:&quot;13e8328d-87c3-480b-96ce-9fc0f5e0b3a8&quot;}}">
            <a:extLst>
              <a:ext uri="{FF2B5EF4-FFF2-40B4-BE49-F238E27FC236}">
                <a16:creationId xmlns:a16="http://schemas.microsoft.com/office/drawing/2014/main" id="{4221990E-4D9B-FE54-82A7-2013724AE802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0" name="Slide number">
            <a:extLst>
              <a:ext uri="{FF2B5EF4-FFF2-40B4-BE49-F238E27FC236}">
                <a16:creationId xmlns:a16="http://schemas.microsoft.com/office/drawing/2014/main" id="{A22B79C9-D969-6323-8D1C-FE4319009F0D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000000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 err="1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41459569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sclaim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B2B753D9-3982-5146-3D4E-2C645D3E62D3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E9BDA2B9-C399-80A1-EA7A-F3F921D75E1D}"/>
              </a:ext>
            </a:extLst>
          </p:cNvPr>
          <p:cNvSpPr>
            <a:spLocks/>
          </p:cNvSpPr>
          <p:nvPr userDrawn="1"/>
        </p:nvSpPr>
        <p:spPr>
          <a:xfrm>
            <a:off x="133033" y="174551"/>
            <a:ext cx="6843049" cy="6508896"/>
          </a:xfrm>
          <a:prstGeom prst="roundRect">
            <a:avLst>
              <a:gd name="adj" fmla="val 5512"/>
            </a:avLst>
          </a:prstGeom>
          <a:solidFill>
            <a:srgbClr val="000000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l"/>
            <a:endParaRPr lang="en-GB" sz="1463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763939E-A299-AE99-78A2-43F726C0453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9" y="541337"/>
            <a:ext cx="6144814" cy="1149351"/>
          </a:xfrm>
        </p:spPr>
        <p:txBody>
          <a:bodyPr anchor="b"/>
          <a:lstStyle>
            <a:lvl1pPr>
              <a:defRPr sz="3250" b="0" cap="all" baseline="0">
                <a:solidFill>
                  <a:srgbClr val="FFFFFF"/>
                </a:solidFill>
              </a:defRPr>
            </a:lvl1pPr>
          </a:lstStyle>
          <a:p>
            <a:r>
              <a:rPr lang="en-US" dirty="0"/>
              <a:t>Click to Add Disclaimer title</a:t>
            </a:r>
            <a:endParaRPr lang="da-DK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6C4E646-78A9-D9A8-3BE3-DE7A71A60EA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8547" y="2127600"/>
            <a:ext cx="6144816" cy="4189063"/>
          </a:xfrm>
        </p:spPr>
        <p:txBody>
          <a:bodyPr numCol="2" spcCol="234000"/>
          <a:lstStyle>
            <a:lvl1pPr marL="0" indent="0">
              <a:lnSpc>
                <a:spcPct val="100000"/>
              </a:lnSpc>
              <a:buChar char="​"/>
              <a:defRPr sz="1300" b="0">
                <a:solidFill>
                  <a:srgbClr val="FFFFFF"/>
                </a:solidFill>
                <a:latin typeface="Arial Nova" panose="020B0504020202020204" pitchFamily="34" charset="0"/>
              </a:defRPr>
            </a:lvl1pPr>
            <a:lvl2pPr marL="0" indent="0">
              <a:lnSpc>
                <a:spcPct val="100000"/>
              </a:lnSpc>
              <a:buChar char="​"/>
              <a:defRPr sz="1300" b="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buChar char="​"/>
              <a:defRPr sz="1300" b="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buChar char="​"/>
              <a:defRPr sz="1300" b="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buChar char="​"/>
              <a:defRPr sz="1300" b="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buChar char="​"/>
              <a:defRPr sz="1300" b="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buChar char="​"/>
              <a:defRPr sz="1300" b="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buChar char="​"/>
              <a:defRPr sz="1300" b="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buChar char="​"/>
              <a:defRPr sz="1300" b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disclaimer text</a:t>
            </a:r>
            <a:endParaRPr lang="da-DK" dirty="0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B0406958-1E7B-DA38-BB1C-F640081042DD}"/>
              </a:ext>
            </a:extLst>
          </p:cNvPr>
          <p:cNvSpPr/>
          <p:nvPr userDrawn="1"/>
        </p:nvSpPr>
        <p:spPr>
          <a:xfrm>
            <a:off x="7119937" y="1"/>
            <a:ext cx="2786063" cy="6858095"/>
          </a:xfrm>
          <a:custGeom>
            <a:avLst/>
            <a:gdLst>
              <a:gd name="connsiteX0" fmla="*/ 0 w 3429000"/>
              <a:gd name="connsiteY0" fmla="*/ 2647950 h 6858095"/>
              <a:gd name="connsiteX1" fmla="*/ 0 w 3429000"/>
              <a:gd name="connsiteY1" fmla="*/ 2562225 h 6858095"/>
              <a:gd name="connsiteX2" fmla="*/ 663893 w 3429000"/>
              <a:gd name="connsiteY2" fmla="*/ 2562225 h 6858095"/>
              <a:gd name="connsiteX3" fmla="*/ 630746 w 3429000"/>
              <a:gd name="connsiteY3" fmla="*/ 2546128 h 6858095"/>
              <a:gd name="connsiteX4" fmla="*/ 57626 w 3429000"/>
              <a:gd name="connsiteY4" fmla="*/ 2014633 h 6858095"/>
              <a:gd name="connsiteX5" fmla="*/ 0 w 3429000"/>
              <a:gd name="connsiteY5" fmla="*/ 1790700 h 6858095"/>
              <a:gd name="connsiteX6" fmla="*/ 0 w 3429000"/>
              <a:gd name="connsiteY6" fmla="*/ 0 h 6858095"/>
              <a:gd name="connsiteX7" fmla="*/ 85725 w 3429000"/>
              <a:gd name="connsiteY7" fmla="*/ 0 h 6858095"/>
              <a:gd name="connsiteX8" fmla="*/ 107156 w 3429000"/>
              <a:gd name="connsiteY8" fmla="*/ 8287 h 6858095"/>
              <a:gd name="connsiteX9" fmla="*/ 832390 w 3429000"/>
              <a:gd name="connsiteY9" fmla="*/ 619887 h 6858095"/>
              <a:gd name="connsiteX10" fmla="*/ 848297 w 3429000"/>
              <a:gd name="connsiteY10" fmla="*/ 665893 h 6858095"/>
              <a:gd name="connsiteX11" fmla="*/ 857250 w 3429000"/>
              <a:gd name="connsiteY11" fmla="*/ 664083 h 6858095"/>
              <a:gd name="connsiteX12" fmla="*/ 857250 w 3429000"/>
              <a:gd name="connsiteY12" fmla="*/ 0 h 6858095"/>
              <a:gd name="connsiteX13" fmla="*/ 933450 w 3429000"/>
              <a:gd name="connsiteY13" fmla="*/ 0 h 6858095"/>
              <a:gd name="connsiteX14" fmla="*/ 959930 w 3429000"/>
              <a:gd name="connsiteY14" fmla="*/ 8477 h 6858095"/>
              <a:gd name="connsiteX15" fmla="*/ 1666018 w 3429000"/>
              <a:gd name="connsiteY15" fmla="*/ 566738 h 6858095"/>
              <a:gd name="connsiteX16" fmla="*/ 1722120 w 3429000"/>
              <a:gd name="connsiteY16" fmla="*/ 774954 h 6858095"/>
              <a:gd name="connsiteX17" fmla="*/ 1725739 w 3429000"/>
              <a:gd name="connsiteY17" fmla="*/ 754094 h 6858095"/>
              <a:gd name="connsiteX18" fmla="*/ 2381155 w 3429000"/>
              <a:gd name="connsiteY18" fmla="*/ 24575 h 6858095"/>
              <a:gd name="connsiteX19" fmla="*/ 2495550 w 3429000"/>
              <a:gd name="connsiteY19" fmla="*/ 0 h 6858095"/>
              <a:gd name="connsiteX20" fmla="*/ 2657475 w 3429000"/>
              <a:gd name="connsiteY20" fmla="*/ 0 h 6858095"/>
              <a:gd name="connsiteX21" fmla="*/ 2679002 w 3429000"/>
              <a:gd name="connsiteY21" fmla="*/ 8192 h 6858095"/>
              <a:gd name="connsiteX22" fmla="*/ 3407569 w 3429000"/>
              <a:gd name="connsiteY22" fmla="*/ 638747 h 6858095"/>
              <a:gd name="connsiteX23" fmla="*/ 3429000 w 3429000"/>
              <a:gd name="connsiteY23" fmla="*/ 714375 h 6858095"/>
              <a:gd name="connsiteX24" fmla="*/ 3429000 w 3429000"/>
              <a:gd name="connsiteY24" fmla="*/ 866775 h 6858095"/>
              <a:gd name="connsiteX25" fmla="*/ 2774633 w 3429000"/>
              <a:gd name="connsiteY25" fmla="*/ 866775 h 6858095"/>
              <a:gd name="connsiteX26" fmla="*/ 2807684 w 3429000"/>
              <a:gd name="connsiteY26" fmla="*/ 883444 h 6858095"/>
              <a:gd name="connsiteX27" fmla="*/ 3358324 w 3429000"/>
              <a:gd name="connsiteY27" fmla="*/ 1356551 h 6858095"/>
              <a:gd name="connsiteX28" fmla="*/ 3429000 w 3429000"/>
              <a:gd name="connsiteY28" fmla="*/ 1571625 h 6858095"/>
              <a:gd name="connsiteX29" fmla="*/ 3429000 w 3429000"/>
              <a:gd name="connsiteY29" fmla="*/ 3429000 h 6858095"/>
              <a:gd name="connsiteX30" fmla="*/ 2585180 w 3429000"/>
              <a:gd name="connsiteY30" fmla="*/ 2755868 h 6858095"/>
              <a:gd name="connsiteX31" fmla="*/ 2585180 w 3429000"/>
              <a:gd name="connsiteY31" fmla="*/ 3425571 h 6858095"/>
              <a:gd name="connsiteX32" fmla="*/ 2676525 w 3429000"/>
              <a:gd name="connsiteY32" fmla="*/ 3437287 h 6858095"/>
              <a:gd name="connsiteX33" fmla="*/ 3386804 w 3429000"/>
              <a:gd name="connsiteY33" fmla="*/ 3999071 h 6858095"/>
              <a:gd name="connsiteX34" fmla="*/ 3429000 w 3429000"/>
              <a:gd name="connsiteY34" fmla="*/ 4143470 h 6858095"/>
              <a:gd name="connsiteX35" fmla="*/ 3429000 w 3429000"/>
              <a:gd name="connsiteY35" fmla="*/ 4429221 h 6858095"/>
              <a:gd name="connsiteX36" fmla="*/ 3420142 w 3429000"/>
              <a:gd name="connsiteY36" fmla="*/ 4450461 h 6858095"/>
              <a:gd name="connsiteX37" fmla="*/ 2899601 w 3429000"/>
              <a:gd name="connsiteY37" fmla="*/ 5076158 h 6858095"/>
              <a:gd name="connsiteX38" fmla="*/ 2585276 w 3429000"/>
              <a:gd name="connsiteY38" fmla="*/ 5159217 h 6858095"/>
              <a:gd name="connsiteX39" fmla="*/ 2585276 w 3429000"/>
              <a:gd name="connsiteY39" fmla="*/ 5805488 h 6858095"/>
              <a:gd name="connsiteX40" fmla="*/ 2893695 w 3429000"/>
              <a:gd name="connsiteY40" fmla="*/ 5333905 h 6858095"/>
              <a:gd name="connsiteX41" fmla="*/ 3429000 w 3429000"/>
              <a:gd name="connsiteY41" fmla="*/ 5143596 h 6858095"/>
              <a:gd name="connsiteX42" fmla="*/ 3429000 w 3429000"/>
              <a:gd name="connsiteY42" fmla="*/ 6858096 h 6858095"/>
              <a:gd name="connsiteX43" fmla="*/ 3352800 w 3429000"/>
              <a:gd name="connsiteY43" fmla="*/ 6858096 h 6858095"/>
              <a:gd name="connsiteX44" fmla="*/ 3331369 w 3429000"/>
              <a:gd name="connsiteY44" fmla="*/ 6849904 h 6858095"/>
              <a:gd name="connsiteX45" fmla="*/ 2600325 w 3429000"/>
              <a:gd name="connsiteY45" fmla="*/ 6219635 h 6858095"/>
              <a:gd name="connsiteX46" fmla="*/ 2589466 w 3429000"/>
              <a:gd name="connsiteY46" fmla="*/ 6194870 h 6858095"/>
              <a:gd name="connsiteX47" fmla="*/ 2581275 w 3429000"/>
              <a:gd name="connsiteY47" fmla="*/ 6197251 h 6858095"/>
              <a:gd name="connsiteX48" fmla="*/ 2581275 w 3429000"/>
              <a:gd name="connsiteY48" fmla="*/ 6858096 h 6858095"/>
              <a:gd name="connsiteX49" fmla="*/ 2505075 w 3429000"/>
              <a:gd name="connsiteY49" fmla="*/ 6858096 h 6858095"/>
              <a:gd name="connsiteX50" fmla="*/ 2478310 w 3429000"/>
              <a:gd name="connsiteY50" fmla="*/ 6849809 h 6858095"/>
              <a:gd name="connsiteX51" fmla="*/ 1751552 w 3429000"/>
              <a:gd name="connsiteY51" fmla="*/ 6227636 h 6858095"/>
              <a:gd name="connsiteX52" fmla="*/ 1718215 w 3429000"/>
              <a:gd name="connsiteY52" fmla="*/ 6081808 h 6858095"/>
              <a:gd name="connsiteX53" fmla="*/ 1707452 w 3429000"/>
              <a:gd name="connsiteY53" fmla="*/ 6135053 h 6858095"/>
              <a:gd name="connsiteX54" fmla="*/ 1053370 w 3429000"/>
              <a:gd name="connsiteY54" fmla="*/ 6833426 h 6858095"/>
              <a:gd name="connsiteX55" fmla="*/ 933450 w 3429000"/>
              <a:gd name="connsiteY55" fmla="*/ 6858000 h 6858095"/>
              <a:gd name="connsiteX56" fmla="*/ 857250 w 3429000"/>
              <a:gd name="connsiteY56" fmla="*/ 6858000 h 6858095"/>
              <a:gd name="connsiteX57" fmla="*/ 856298 w 3429000"/>
              <a:gd name="connsiteY57" fmla="*/ 6525197 h 6858095"/>
              <a:gd name="connsiteX58" fmla="*/ 856298 w 3429000"/>
              <a:gd name="connsiteY58" fmla="*/ 6194012 h 6858095"/>
              <a:gd name="connsiteX59" fmla="*/ 838105 w 3429000"/>
              <a:gd name="connsiteY59" fmla="*/ 6220206 h 6858095"/>
              <a:gd name="connsiteX60" fmla="*/ 209455 w 3429000"/>
              <a:gd name="connsiteY60" fmla="*/ 6831140 h 6858095"/>
              <a:gd name="connsiteX61" fmla="*/ 85725 w 3429000"/>
              <a:gd name="connsiteY61" fmla="*/ 6858000 h 6858095"/>
              <a:gd name="connsiteX62" fmla="*/ 0 w 3429000"/>
              <a:gd name="connsiteY62" fmla="*/ 6858000 h 6858095"/>
              <a:gd name="connsiteX63" fmla="*/ 0 w 3429000"/>
              <a:gd name="connsiteY63" fmla="*/ 5067300 h 6858095"/>
              <a:gd name="connsiteX64" fmla="*/ 8668 w 3429000"/>
              <a:gd name="connsiteY64" fmla="*/ 5031105 h 6858095"/>
              <a:gd name="connsiteX65" fmla="*/ 426911 w 3429000"/>
              <a:gd name="connsiteY65" fmla="*/ 4400169 h 6858095"/>
              <a:gd name="connsiteX66" fmla="*/ 655796 w 3429000"/>
              <a:gd name="connsiteY66" fmla="*/ 4295775 h 6858095"/>
              <a:gd name="connsiteX67" fmla="*/ 0 w 3429000"/>
              <a:gd name="connsiteY67" fmla="*/ 4295775 h 6858095"/>
              <a:gd name="connsiteX68" fmla="*/ 0 w 3429000"/>
              <a:gd name="connsiteY68" fmla="*/ 4210050 h 6858095"/>
              <a:gd name="connsiteX69" fmla="*/ 18002 w 3429000"/>
              <a:gd name="connsiteY69" fmla="*/ 4137279 h 6858095"/>
              <a:gd name="connsiteX70" fmla="*/ 650081 w 3429000"/>
              <a:gd name="connsiteY70" fmla="*/ 3457099 h 6858095"/>
              <a:gd name="connsiteX71" fmla="*/ 778574 w 3429000"/>
              <a:gd name="connsiteY71" fmla="*/ 3429476 h 6858095"/>
              <a:gd name="connsiteX72" fmla="*/ 756857 w 3429000"/>
              <a:gd name="connsiteY72" fmla="*/ 3420904 h 6858095"/>
              <a:gd name="connsiteX73" fmla="*/ 78200 w 3429000"/>
              <a:gd name="connsiteY73" fmla="*/ 2914364 h 6858095"/>
              <a:gd name="connsiteX74" fmla="*/ 0 w 3429000"/>
              <a:gd name="connsiteY74" fmla="*/ 2647950 h 6858095"/>
              <a:gd name="connsiteX75" fmla="*/ 1709547 w 3429000"/>
              <a:gd name="connsiteY75" fmla="*/ 1718786 h 6858095"/>
              <a:gd name="connsiteX76" fmla="*/ 1715453 w 3429000"/>
              <a:gd name="connsiteY76" fmla="*/ 1763839 h 6858095"/>
              <a:gd name="connsiteX77" fmla="*/ 1343311 w 3429000"/>
              <a:gd name="connsiteY77" fmla="*/ 2425922 h 6858095"/>
              <a:gd name="connsiteX78" fmla="*/ 1076611 w 3429000"/>
              <a:gd name="connsiteY78" fmla="*/ 2561749 h 6858095"/>
              <a:gd name="connsiteX79" fmla="*/ 1713548 w 3429000"/>
              <a:gd name="connsiteY79" fmla="*/ 2561749 h 6858095"/>
              <a:gd name="connsiteX80" fmla="*/ 2464022 w 3429000"/>
              <a:gd name="connsiteY80" fmla="*/ 1717358 h 6858095"/>
              <a:gd name="connsiteX81" fmla="*/ 2426113 w 3429000"/>
              <a:gd name="connsiteY81" fmla="*/ 1714405 h 6858095"/>
              <a:gd name="connsiteX82" fmla="*/ 1745837 w 3429000"/>
              <a:gd name="connsiteY82" fmla="*/ 1714691 h 6858095"/>
              <a:gd name="connsiteX83" fmla="*/ 1708595 w 3429000"/>
              <a:gd name="connsiteY83" fmla="*/ 1719739 h 6858095"/>
              <a:gd name="connsiteX84" fmla="*/ 1722406 w 3429000"/>
              <a:gd name="connsiteY84" fmla="*/ 1651826 h 6858095"/>
              <a:gd name="connsiteX85" fmla="*/ 2345531 w 3429000"/>
              <a:gd name="connsiteY85" fmla="*/ 884111 h 6858095"/>
              <a:gd name="connsiteX86" fmla="*/ 2386203 w 3429000"/>
              <a:gd name="connsiteY86" fmla="*/ 869061 h 6858095"/>
              <a:gd name="connsiteX87" fmla="*/ 1723454 w 3429000"/>
              <a:gd name="connsiteY87" fmla="*/ 869061 h 6858095"/>
              <a:gd name="connsiteX88" fmla="*/ 985838 w 3429000"/>
              <a:gd name="connsiteY88" fmla="*/ 1712500 h 6858095"/>
              <a:gd name="connsiteX89" fmla="*/ 1586198 w 3429000"/>
              <a:gd name="connsiteY89" fmla="*/ 1715072 h 6858095"/>
              <a:gd name="connsiteX90" fmla="*/ 1709452 w 3429000"/>
              <a:gd name="connsiteY90" fmla="*/ 1718691 h 6858095"/>
              <a:gd name="connsiteX91" fmla="*/ 944880 w 3429000"/>
              <a:gd name="connsiteY91" fmla="*/ 3429286 h 6858095"/>
              <a:gd name="connsiteX92" fmla="*/ 1723930 w 3429000"/>
              <a:gd name="connsiteY92" fmla="*/ 4166045 h 6858095"/>
              <a:gd name="connsiteX93" fmla="*/ 1723930 w 3429000"/>
              <a:gd name="connsiteY93" fmla="*/ 3425190 h 6858095"/>
              <a:gd name="connsiteX94" fmla="*/ 2568607 w 3429000"/>
              <a:gd name="connsiteY94" fmla="*/ 4097084 h 6858095"/>
              <a:gd name="connsiteX95" fmla="*/ 2568607 w 3429000"/>
              <a:gd name="connsiteY95" fmla="*/ 3431191 h 6858095"/>
              <a:gd name="connsiteX96" fmla="*/ 1719548 w 3429000"/>
              <a:gd name="connsiteY96" fmla="*/ 2657285 h 6858095"/>
              <a:gd name="connsiteX97" fmla="*/ 944880 w 3429000"/>
              <a:gd name="connsiteY97" fmla="*/ 3429286 h 6858095"/>
              <a:gd name="connsiteX98" fmla="*/ 2571750 w 3429000"/>
              <a:gd name="connsiteY98" fmla="*/ 4483989 h 6858095"/>
              <a:gd name="connsiteX99" fmla="*/ 2563940 w 3429000"/>
              <a:gd name="connsiteY99" fmla="*/ 4482180 h 6858095"/>
              <a:gd name="connsiteX100" fmla="*/ 2553938 w 3429000"/>
              <a:gd name="connsiteY100" fmla="*/ 4507802 h 6858095"/>
              <a:gd name="connsiteX101" fmla="*/ 1716500 w 3429000"/>
              <a:gd name="connsiteY101" fmla="*/ 5142929 h 6858095"/>
              <a:gd name="connsiteX102" fmla="*/ 1035653 w 3429000"/>
              <a:gd name="connsiteY102" fmla="*/ 5142929 h 6858095"/>
              <a:gd name="connsiteX103" fmla="*/ 980408 w 3429000"/>
              <a:gd name="connsiteY103" fmla="*/ 5142929 h 6858095"/>
              <a:gd name="connsiteX104" fmla="*/ 1719643 w 3429000"/>
              <a:gd name="connsiteY104" fmla="*/ 5918264 h 6858095"/>
              <a:gd name="connsiteX105" fmla="*/ 2568226 w 3429000"/>
              <a:gd name="connsiteY105" fmla="*/ 5139214 h 6858095"/>
              <a:gd name="connsiteX106" fmla="*/ 2571464 w 3429000"/>
              <a:gd name="connsiteY106" fmla="*/ 5121688 h 6858095"/>
              <a:gd name="connsiteX107" fmla="*/ 2571655 w 3429000"/>
              <a:gd name="connsiteY107" fmla="*/ 4483989 h 6858095"/>
              <a:gd name="connsiteX108" fmla="*/ 3306032 w 3429000"/>
              <a:gd name="connsiteY108" fmla="*/ 1718882 h 6858095"/>
              <a:gd name="connsiteX109" fmla="*/ 2585180 w 3429000"/>
              <a:gd name="connsiteY109" fmla="*/ 1718882 h 6858095"/>
              <a:gd name="connsiteX110" fmla="*/ 2585180 w 3429000"/>
              <a:gd name="connsiteY110" fmla="*/ 2376392 h 6858095"/>
              <a:gd name="connsiteX111" fmla="*/ 3306032 w 3429000"/>
              <a:gd name="connsiteY111" fmla="*/ 1718882 h 6858095"/>
              <a:gd name="connsiteX112" fmla="*/ 131159 w 3429000"/>
              <a:gd name="connsiteY112" fmla="*/ 5145595 h 6858095"/>
              <a:gd name="connsiteX113" fmla="*/ 588359 w 3429000"/>
              <a:gd name="connsiteY113" fmla="*/ 5370481 h 6858095"/>
              <a:gd name="connsiteX114" fmla="*/ 853440 w 3429000"/>
              <a:gd name="connsiteY114" fmla="*/ 5807298 h 6858095"/>
              <a:gd name="connsiteX115" fmla="*/ 853440 w 3429000"/>
              <a:gd name="connsiteY115" fmla="*/ 5145595 h 6858095"/>
              <a:gd name="connsiteX116" fmla="*/ 131159 w 3429000"/>
              <a:gd name="connsiteY116" fmla="*/ 5145595 h 6858095"/>
              <a:gd name="connsiteX117" fmla="*/ 854107 w 3429000"/>
              <a:gd name="connsiteY117" fmla="*/ 1052608 h 6858095"/>
              <a:gd name="connsiteX118" fmla="*/ 131540 w 3429000"/>
              <a:gd name="connsiteY118" fmla="*/ 1711643 h 6858095"/>
              <a:gd name="connsiteX119" fmla="*/ 854107 w 3429000"/>
              <a:gd name="connsiteY119" fmla="*/ 1711643 h 6858095"/>
              <a:gd name="connsiteX120" fmla="*/ 854107 w 3429000"/>
              <a:gd name="connsiteY120" fmla="*/ 1052608 h 6858095"/>
              <a:gd name="connsiteX121" fmla="*/ 1058418 w 3429000"/>
              <a:gd name="connsiteY121" fmla="*/ 4295394 h 6858095"/>
              <a:gd name="connsiteX122" fmla="*/ 1716596 w 3429000"/>
              <a:gd name="connsiteY122" fmla="*/ 5015103 h 6858095"/>
              <a:gd name="connsiteX123" fmla="*/ 1716596 w 3429000"/>
              <a:gd name="connsiteY123" fmla="*/ 4295394 h 6858095"/>
              <a:gd name="connsiteX124" fmla="*/ 1058418 w 3429000"/>
              <a:gd name="connsiteY124" fmla="*/ 4295394 h 68580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</a:cxnLst>
            <a:rect l="l" t="t" r="r" b="b"/>
            <a:pathLst>
              <a:path w="3429000" h="6858095">
                <a:moveTo>
                  <a:pt x="0" y="2647950"/>
                </a:moveTo>
                <a:cubicBezTo>
                  <a:pt x="0" y="2619375"/>
                  <a:pt x="0" y="2590800"/>
                  <a:pt x="0" y="2562225"/>
                </a:cubicBezTo>
                <a:lnTo>
                  <a:pt x="663893" y="2562225"/>
                </a:lnTo>
                <a:cubicBezTo>
                  <a:pt x="653510" y="2553557"/>
                  <a:pt x="642271" y="2549557"/>
                  <a:pt x="630746" y="2546128"/>
                </a:cubicBezTo>
                <a:cubicBezTo>
                  <a:pt x="352425" y="2463070"/>
                  <a:pt x="160020" y="2285714"/>
                  <a:pt x="57626" y="2014633"/>
                </a:cubicBezTo>
                <a:cubicBezTo>
                  <a:pt x="30575" y="1942910"/>
                  <a:pt x="18764" y="1865471"/>
                  <a:pt x="0" y="1790700"/>
                </a:cubicBezTo>
                <a:cubicBezTo>
                  <a:pt x="0" y="1193768"/>
                  <a:pt x="0" y="596932"/>
                  <a:pt x="0" y="0"/>
                </a:cubicBezTo>
                <a:cubicBezTo>
                  <a:pt x="28766" y="0"/>
                  <a:pt x="57245" y="0"/>
                  <a:pt x="85725" y="0"/>
                </a:cubicBezTo>
                <a:cubicBezTo>
                  <a:pt x="92869" y="2858"/>
                  <a:pt x="99727" y="7144"/>
                  <a:pt x="107156" y="8287"/>
                </a:cubicBezTo>
                <a:cubicBezTo>
                  <a:pt x="474059" y="63818"/>
                  <a:pt x="715518" y="267938"/>
                  <a:pt x="832390" y="619887"/>
                </a:cubicBezTo>
                <a:cubicBezTo>
                  <a:pt x="837533" y="635318"/>
                  <a:pt x="843058" y="650558"/>
                  <a:pt x="848297" y="665893"/>
                </a:cubicBezTo>
                <a:lnTo>
                  <a:pt x="857250" y="664083"/>
                </a:lnTo>
                <a:lnTo>
                  <a:pt x="857250" y="0"/>
                </a:lnTo>
                <a:cubicBezTo>
                  <a:pt x="882682" y="0"/>
                  <a:pt x="908018" y="0"/>
                  <a:pt x="933450" y="0"/>
                </a:cubicBezTo>
                <a:cubicBezTo>
                  <a:pt x="942308" y="2858"/>
                  <a:pt x="950881" y="7144"/>
                  <a:pt x="959930" y="8477"/>
                </a:cubicBezTo>
                <a:cubicBezTo>
                  <a:pt x="1302830" y="58579"/>
                  <a:pt x="1539240" y="244888"/>
                  <a:pt x="1666018" y="566738"/>
                </a:cubicBezTo>
                <a:cubicBezTo>
                  <a:pt x="1692307" y="633413"/>
                  <a:pt x="1703927" y="705898"/>
                  <a:pt x="1722120" y="774954"/>
                </a:cubicBezTo>
                <a:cubicBezTo>
                  <a:pt x="1723073" y="769239"/>
                  <a:pt x="1724597" y="761714"/>
                  <a:pt x="1725739" y="754094"/>
                </a:cubicBezTo>
                <a:cubicBezTo>
                  <a:pt x="1779937" y="387668"/>
                  <a:pt x="2026730" y="112681"/>
                  <a:pt x="2381155" y="24575"/>
                </a:cubicBezTo>
                <a:cubicBezTo>
                  <a:pt x="2418969" y="15145"/>
                  <a:pt x="2457355" y="8096"/>
                  <a:pt x="2495550" y="0"/>
                </a:cubicBezTo>
                <a:cubicBezTo>
                  <a:pt x="2549557" y="0"/>
                  <a:pt x="2603468" y="0"/>
                  <a:pt x="2657475" y="0"/>
                </a:cubicBezTo>
                <a:cubicBezTo>
                  <a:pt x="2664619" y="2762"/>
                  <a:pt x="2671572" y="7239"/>
                  <a:pt x="2679002" y="8192"/>
                </a:cubicBezTo>
                <a:cubicBezTo>
                  <a:pt x="3031141" y="52102"/>
                  <a:pt x="3315938" y="298418"/>
                  <a:pt x="3407569" y="638747"/>
                </a:cubicBezTo>
                <a:cubicBezTo>
                  <a:pt x="3414427" y="664083"/>
                  <a:pt x="3421856" y="689229"/>
                  <a:pt x="3429000" y="714375"/>
                </a:cubicBezTo>
                <a:lnTo>
                  <a:pt x="3429000" y="866775"/>
                </a:lnTo>
                <a:lnTo>
                  <a:pt x="2774633" y="866775"/>
                </a:lnTo>
                <a:cubicBezTo>
                  <a:pt x="2785015" y="875633"/>
                  <a:pt x="2796159" y="880110"/>
                  <a:pt x="2807684" y="883444"/>
                </a:cubicBezTo>
                <a:cubicBezTo>
                  <a:pt x="3063145" y="957548"/>
                  <a:pt x="3247168" y="1116235"/>
                  <a:pt x="3358324" y="1356551"/>
                </a:cubicBezTo>
                <a:cubicBezTo>
                  <a:pt x="3389853" y="1424559"/>
                  <a:pt x="3405854" y="1499711"/>
                  <a:pt x="3429000" y="1571625"/>
                </a:cubicBezTo>
                <a:lnTo>
                  <a:pt x="3429000" y="3429000"/>
                </a:lnTo>
                <a:cubicBezTo>
                  <a:pt x="2993517" y="3405378"/>
                  <a:pt x="2719769" y="3176111"/>
                  <a:pt x="2585180" y="2755868"/>
                </a:cubicBezTo>
                <a:lnTo>
                  <a:pt x="2585180" y="3425571"/>
                </a:lnTo>
                <a:cubicBezTo>
                  <a:pt x="2617375" y="3429667"/>
                  <a:pt x="2646998" y="3433096"/>
                  <a:pt x="2676525" y="3437287"/>
                </a:cubicBezTo>
                <a:cubicBezTo>
                  <a:pt x="3022378" y="3486531"/>
                  <a:pt x="3257455" y="3676650"/>
                  <a:pt x="3386804" y="3999071"/>
                </a:cubicBezTo>
                <a:cubicBezTo>
                  <a:pt x="3405378" y="4045363"/>
                  <a:pt x="3415189" y="4095274"/>
                  <a:pt x="3429000" y="4143470"/>
                </a:cubicBezTo>
                <a:lnTo>
                  <a:pt x="3429000" y="4429221"/>
                </a:lnTo>
                <a:cubicBezTo>
                  <a:pt x="3425952" y="4436269"/>
                  <a:pt x="3421761" y="4443127"/>
                  <a:pt x="3420142" y="4450461"/>
                </a:cubicBezTo>
                <a:cubicBezTo>
                  <a:pt x="3355181" y="4749451"/>
                  <a:pt x="3181541" y="4960906"/>
                  <a:pt x="2899601" y="5076158"/>
                </a:cubicBezTo>
                <a:cubicBezTo>
                  <a:pt x="2801779" y="5116164"/>
                  <a:pt x="2693956" y="5131308"/>
                  <a:pt x="2585276" y="5159217"/>
                </a:cubicBezTo>
                <a:lnTo>
                  <a:pt x="2585276" y="5805488"/>
                </a:lnTo>
                <a:cubicBezTo>
                  <a:pt x="2640711" y="5616607"/>
                  <a:pt x="2739676" y="5456873"/>
                  <a:pt x="2893695" y="5333905"/>
                </a:cubicBezTo>
                <a:cubicBezTo>
                  <a:pt x="3049810" y="5209223"/>
                  <a:pt x="3229261" y="5147120"/>
                  <a:pt x="3429000" y="5143596"/>
                </a:cubicBezTo>
                <a:lnTo>
                  <a:pt x="3429000" y="6858096"/>
                </a:lnTo>
                <a:lnTo>
                  <a:pt x="3352800" y="6858096"/>
                </a:lnTo>
                <a:cubicBezTo>
                  <a:pt x="3345656" y="6855238"/>
                  <a:pt x="3338703" y="6850761"/>
                  <a:pt x="3331369" y="6849904"/>
                </a:cubicBezTo>
                <a:cubicBezTo>
                  <a:pt x="2975610" y="6804851"/>
                  <a:pt x="2697099" y="6564820"/>
                  <a:pt x="2600325" y="6219635"/>
                </a:cubicBezTo>
                <a:cubicBezTo>
                  <a:pt x="2597944" y="6211062"/>
                  <a:pt x="2593181" y="6203061"/>
                  <a:pt x="2589466" y="6194870"/>
                </a:cubicBezTo>
                <a:cubicBezTo>
                  <a:pt x="2586704" y="6195632"/>
                  <a:pt x="2584037" y="6196489"/>
                  <a:pt x="2581275" y="6197251"/>
                </a:cubicBezTo>
                <a:lnTo>
                  <a:pt x="2581275" y="6858096"/>
                </a:lnTo>
                <a:lnTo>
                  <a:pt x="2505075" y="6858096"/>
                </a:lnTo>
                <a:cubicBezTo>
                  <a:pt x="2496122" y="6855238"/>
                  <a:pt x="2487454" y="6850856"/>
                  <a:pt x="2478310" y="6849809"/>
                </a:cubicBezTo>
                <a:cubicBezTo>
                  <a:pt x="2128838" y="6807423"/>
                  <a:pt x="1846421" y="6566249"/>
                  <a:pt x="1751552" y="6227636"/>
                </a:cubicBezTo>
                <a:cubicBezTo>
                  <a:pt x="1738789" y="6182011"/>
                  <a:pt x="1730312" y="6135148"/>
                  <a:pt x="1718215" y="6081808"/>
                </a:cubicBezTo>
                <a:cubicBezTo>
                  <a:pt x="1713643" y="6104382"/>
                  <a:pt x="1710500" y="6119717"/>
                  <a:pt x="1707452" y="6135053"/>
                </a:cubicBezTo>
                <a:cubicBezTo>
                  <a:pt x="1634585" y="6503861"/>
                  <a:pt x="1414843" y="6735318"/>
                  <a:pt x="1053370" y="6833426"/>
                </a:cubicBezTo>
                <a:cubicBezTo>
                  <a:pt x="1014032" y="6844094"/>
                  <a:pt x="973455" y="6849904"/>
                  <a:pt x="933450" y="6858000"/>
                </a:cubicBezTo>
                <a:lnTo>
                  <a:pt x="857250" y="6858000"/>
                </a:lnTo>
                <a:cubicBezTo>
                  <a:pt x="856964" y="6747034"/>
                  <a:pt x="856488" y="6636068"/>
                  <a:pt x="856298" y="6525197"/>
                </a:cubicBezTo>
                <a:cubicBezTo>
                  <a:pt x="856107" y="6414802"/>
                  <a:pt x="856298" y="6304407"/>
                  <a:pt x="856298" y="6194012"/>
                </a:cubicBezTo>
                <a:cubicBezTo>
                  <a:pt x="843915" y="6202490"/>
                  <a:pt x="840772" y="6211348"/>
                  <a:pt x="838105" y="6220206"/>
                </a:cubicBezTo>
                <a:cubicBezTo>
                  <a:pt x="741426" y="6539960"/>
                  <a:pt x="533019" y="6745034"/>
                  <a:pt x="209455" y="6831140"/>
                </a:cubicBezTo>
                <a:cubicBezTo>
                  <a:pt x="168688" y="6841998"/>
                  <a:pt x="126968" y="6849142"/>
                  <a:pt x="85725" y="6858000"/>
                </a:cubicBezTo>
                <a:lnTo>
                  <a:pt x="0" y="6858000"/>
                </a:lnTo>
                <a:cubicBezTo>
                  <a:pt x="0" y="6261069"/>
                  <a:pt x="0" y="5664232"/>
                  <a:pt x="0" y="5067300"/>
                </a:cubicBezTo>
                <a:cubicBezTo>
                  <a:pt x="2953" y="5055203"/>
                  <a:pt x="6763" y="5043297"/>
                  <a:pt x="8668" y="5031105"/>
                </a:cubicBezTo>
                <a:cubicBezTo>
                  <a:pt x="52007" y="4757071"/>
                  <a:pt x="186976" y="4542282"/>
                  <a:pt x="426911" y="4400169"/>
                </a:cubicBezTo>
                <a:cubicBezTo>
                  <a:pt x="500444" y="4356640"/>
                  <a:pt x="583025" y="4328446"/>
                  <a:pt x="655796" y="4295775"/>
                </a:cubicBezTo>
                <a:lnTo>
                  <a:pt x="0" y="4295775"/>
                </a:lnTo>
                <a:cubicBezTo>
                  <a:pt x="0" y="4267200"/>
                  <a:pt x="0" y="4238625"/>
                  <a:pt x="0" y="4210050"/>
                </a:cubicBezTo>
                <a:cubicBezTo>
                  <a:pt x="6001" y="4185761"/>
                  <a:pt x="12764" y="4161663"/>
                  <a:pt x="18002" y="4137279"/>
                </a:cubicBezTo>
                <a:cubicBezTo>
                  <a:pt x="92964" y="3784378"/>
                  <a:pt x="303181" y="3557016"/>
                  <a:pt x="650081" y="3457099"/>
                </a:cubicBezTo>
                <a:cubicBezTo>
                  <a:pt x="689324" y="3445764"/>
                  <a:pt x="730091" y="3439763"/>
                  <a:pt x="778574" y="3429476"/>
                </a:cubicBezTo>
                <a:cubicBezTo>
                  <a:pt x="765238" y="3424142"/>
                  <a:pt x="761143" y="3421475"/>
                  <a:pt x="756857" y="3420904"/>
                </a:cubicBezTo>
                <a:cubicBezTo>
                  <a:pt x="437769" y="3376422"/>
                  <a:pt x="210979" y="3205163"/>
                  <a:pt x="78200" y="2914364"/>
                </a:cubicBezTo>
                <a:cubicBezTo>
                  <a:pt x="40195" y="2831021"/>
                  <a:pt x="25432" y="2737009"/>
                  <a:pt x="0" y="2647950"/>
                </a:cubicBezTo>
                <a:close/>
                <a:moveTo>
                  <a:pt x="1709547" y="1718786"/>
                </a:moveTo>
                <a:cubicBezTo>
                  <a:pt x="1711643" y="1733836"/>
                  <a:pt x="1716405" y="1748981"/>
                  <a:pt x="1715453" y="1763839"/>
                </a:cubicBezTo>
                <a:cubicBezTo>
                  <a:pt x="1698784" y="2044732"/>
                  <a:pt x="1573911" y="2267807"/>
                  <a:pt x="1343311" y="2425922"/>
                </a:cubicBezTo>
                <a:cubicBezTo>
                  <a:pt x="1257776" y="2484596"/>
                  <a:pt x="1157192" y="2521458"/>
                  <a:pt x="1076611" y="2561749"/>
                </a:cubicBezTo>
                <a:lnTo>
                  <a:pt x="1713548" y="2561749"/>
                </a:lnTo>
                <a:cubicBezTo>
                  <a:pt x="1758125" y="2100739"/>
                  <a:pt x="2005679" y="1822704"/>
                  <a:pt x="2464022" y="1717358"/>
                </a:cubicBezTo>
                <a:cubicBezTo>
                  <a:pt x="2443448" y="1715738"/>
                  <a:pt x="2434781" y="1714405"/>
                  <a:pt x="2426113" y="1714405"/>
                </a:cubicBezTo>
                <a:cubicBezTo>
                  <a:pt x="2199323" y="1714405"/>
                  <a:pt x="1972532" y="1714405"/>
                  <a:pt x="1745837" y="1714691"/>
                </a:cubicBezTo>
                <a:cubicBezTo>
                  <a:pt x="1733455" y="1714691"/>
                  <a:pt x="1720977" y="1718024"/>
                  <a:pt x="1708595" y="1719739"/>
                </a:cubicBezTo>
                <a:cubicBezTo>
                  <a:pt x="1713357" y="1697164"/>
                  <a:pt x="1720787" y="1674686"/>
                  <a:pt x="1722406" y="1651826"/>
                </a:cubicBezTo>
                <a:cubicBezTo>
                  <a:pt x="1748314" y="1288352"/>
                  <a:pt x="1994154" y="985171"/>
                  <a:pt x="2345531" y="884111"/>
                </a:cubicBezTo>
                <a:cubicBezTo>
                  <a:pt x="2357247" y="880777"/>
                  <a:pt x="2368487" y="875633"/>
                  <a:pt x="2386203" y="869061"/>
                </a:cubicBezTo>
                <a:lnTo>
                  <a:pt x="1723454" y="869061"/>
                </a:lnTo>
                <a:cubicBezTo>
                  <a:pt x="1680210" y="1331690"/>
                  <a:pt x="1430369" y="1606487"/>
                  <a:pt x="985838" y="1712500"/>
                </a:cubicBezTo>
                <a:cubicBezTo>
                  <a:pt x="1186815" y="1714881"/>
                  <a:pt x="1386459" y="1714691"/>
                  <a:pt x="1586198" y="1715072"/>
                </a:cubicBezTo>
                <a:cubicBezTo>
                  <a:pt x="1627251" y="1715072"/>
                  <a:pt x="1668209" y="1717548"/>
                  <a:pt x="1709452" y="1718691"/>
                </a:cubicBezTo>
                <a:close/>
                <a:moveTo>
                  <a:pt x="944880" y="3429286"/>
                </a:moveTo>
                <a:cubicBezTo>
                  <a:pt x="1373886" y="3503105"/>
                  <a:pt x="1625822" y="3751898"/>
                  <a:pt x="1723930" y="4166045"/>
                </a:cubicBezTo>
                <a:lnTo>
                  <a:pt x="1723930" y="3425190"/>
                </a:lnTo>
                <a:cubicBezTo>
                  <a:pt x="2159318" y="3459099"/>
                  <a:pt x="2438876" y="3679127"/>
                  <a:pt x="2568607" y="4097084"/>
                </a:cubicBezTo>
                <a:lnTo>
                  <a:pt x="2568607" y="3431191"/>
                </a:lnTo>
                <a:cubicBezTo>
                  <a:pt x="2117122" y="3409283"/>
                  <a:pt x="1775936" y="3094768"/>
                  <a:pt x="1719548" y="2657285"/>
                </a:cubicBezTo>
                <a:cubicBezTo>
                  <a:pt x="1640872" y="3090005"/>
                  <a:pt x="1389031" y="3350800"/>
                  <a:pt x="944880" y="3429286"/>
                </a:cubicBezTo>
                <a:close/>
                <a:moveTo>
                  <a:pt x="2571750" y="4483989"/>
                </a:moveTo>
                <a:cubicBezTo>
                  <a:pt x="2569178" y="4483418"/>
                  <a:pt x="2566607" y="4482751"/>
                  <a:pt x="2563940" y="4482180"/>
                </a:cubicBezTo>
                <a:cubicBezTo>
                  <a:pt x="2560606" y="4490752"/>
                  <a:pt x="2556415" y="4499039"/>
                  <a:pt x="2553938" y="4507802"/>
                </a:cubicBezTo>
                <a:cubicBezTo>
                  <a:pt x="2446973" y="4888802"/>
                  <a:pt x="2112645" y="5142643"/>
                  <a:pt x="1716500" y="5142929"/>
                </a:cubicBezTo>
                <a:cubicBezTo>
                  <a:pt x="1489520" y="5143119"/>
                  <a:pt x="1262634" y="5142929"/>
                  <a:pt x="1035653" y="5142929"/>
                </a:cubicBezTo>
                <a:cubicBezTo>
                  <a:pt x="1017270" y="5142929"/>
                  <a:pt x="998887" y="5142929"/>
                  <a:pt x="980408" y="5142929"/>
                </a:cubicBezTo>
                <a:cubicBezTo>
                  <a:pt x="1397984" y="5237417"/>
                  <a:pt x="1646492" y="5490877"/>
                  <a:pt x="1719643" y="5918264"/>
                </a:cubicBezTo>
                <a:cubicBezTo>
                  <a:pt x="1779270" y="5470684"/>
                  <a:pt x="2130647" y="5154740"/>
                  <a:pt x="2568226" y="5139214"/>
                </a:cubicBezTo>
                <a:cubicBezTo>
                  <a:pt x="2569274" y="5133689"/>
                  <a:pt x="2571464" y="5127689"/>
                  <a:pt x="2571464" y="5121688"/>
                </a:cubicBezTo>
                <a:cubicBezTo>
                  <a:pt x="2571655" y="4909090"/>
                  <a:pt x="2571655" y="4696492"/>
                  <a:pt x="2571655" y="4483989"/>
                </a:cubicBezTo>
                <a:close/>
                <a:moveTo>
                  <a:pt x="3306032" y="1718882"/>
                </a:moveTo>
                <a:lnTo>
                  <a:pt x="2585180" y="1718882"/>
                </a:lnTo>
                <a:lnTo>
                  <a:pt x="2585180" y="2376392"/>
                </a:lnTo>
                <a:cubicBezTo>
                  <a:pt x="2696051" y="2013966"/>
                  <a:pt x="2936558" y="1796606"/>
                  <a:pt x="3306032" y="1718882"/>
                </a:cubicBezTo>
                <a:close/>
                <a:moveTo>
                  <a:pt x="131159" y="5145595"/>
                </a:moveTo>
                <a:cubicBezTo>
                  <a:pt x="303467" y="5180838"/>
                  <a:pt x="457676" y="5251514"/>
                  <a:pt x="588359" y="5370481"/>
                </a:cubicBezTo>
                <a:cubicBezTo>
                  <a:pt x="719804" y="5490115"/>
                  <a:pt x="802672" y="5639276"/>
                  <a:pt x="853440" y="5807298"/>
                </a:cubicBezTo>
                <a:lnTo>
                  <a:pt x="853440" y="5145595"/>
                </a:lnTo>
                <a:lnTo>
                  <a:pt x="131159" y="5145595"/>
                </a:lnTo>
                <a:close/>
                <a:moveTo>
                  <a:pt x="854107" y="1052608"/>
                </a:moveTo>
                <a:cubicBezTo>
                  <a:pt x="743998" y="1415796"/>
                  <a:pt x="502063" y="1633538"/>
                  <a:pt x="131540" y="1711643"/>
                </a:cubicBezTo>
                <a:lnTo>
                  <a:pt x="854107" y="1711643"/>
                </a:lnTo>
                <a:lnTo>
                  <a:pt x="854107" y="1052608"/>
                </a:lnTo>
                <a:close/>
                <a:moveTo>
                  <a:pt x="1058418" y="4295394"/>
                </a:moveTo>
                <a:cubicBezTo>
                  <a:pt x="1421035" y="4405694"/>
                  <a:pt x="1639538" y="4645724"/>
                  <a:pt x="1716596" y="5015103"/>
                </a:cubicBezTo>
                <a:lnTo>
                  <a:pt x="1716596" y="4295394"/>
                </a:lnTo>
                <a:lnTo>
                  <a:pt x="1058418" y="4295394"/>
                </a:lnTo>
                <a:close/>
              </a:path>
            </a:pathLst>
          </a:custGeom>
          <a:solidFill>
            <a:srgbClr val="000000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da-DK" sz="1463"/>
          </a:p>
        </p:txBody>
      </p:sp>
    </p:spTree>
    <p:extLst>
      <p:ext uri="{BB962C8B-B14F-4D97-AF65-F5344CB8AC3E}">
        <p14:creationId xmlns:p14="http://schemas.microsoft.com/office/powerpoint/2010/main" val="1265332886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sclaim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B2B753D9-3982-5146-3D4E-2C645D3E62D3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E9BDA2B9-C399-80A1-EA7A-F3F921D75E1D}"/>
              </a:ext>
            </a:extLst>
          </p:cNvPr>
          <p:cNvSpPr>
            <a:spLocks/>
          </p:cNvSpPr>
          <p:nvPr userDrawn="1"/>
        </p:nvSpPr>
        <p:spPr>
          <a:xfrm>
            <a:off x="133033" y="174551"/>
            <a:ext cx="9639936" cy="6508896"/>
          </a:xfrm>
          <a:prstGeom prst="roundRect">
            <a:avLst>
              <a:gd name="adj" fmla="val 5512"/>
            </a:avLst>
          </a:prstGeom>
          <a:solidFill>
            <a:srgbClr val="000000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l"/>
            <a:endParaRPr lang="en-GB" sz="1463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763939E-A299-AE99-78A2-43F726C0453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8549" y="541337"/>
            <a:ext cx="9027616" cy="1149351"/>
          </a:xfrm>
        </p:spPr>
        <p:txBody>
          <a:bodyPr anchor="b"/>
          <a:lstStyle>
            <a:lvl1pPr>
              <a:defRPr sz="3250" b="0" cap="all" baseline="0">
                <a:solidFill>
                  <a:srgbClr val="FFFFFF"/>
                </a:solidFill>
              </a:defRPr>
            </a:lvl1pPr>
          </a:lstStyle>
          <a:p>
            <a:r>
              <a:rPr lang="en-US" dirty="0"/>
              <a:t>Click to Add Disclaimer title</a:t>
            </a:r>
            <a:endParaRPr lang="da-DK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6C4E646-78A9-D9A8-3BE3-DE7A71A60EA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8547" y="2127600"/>
            <a:ext cx="9027617" cy="4189063"/>
          </a:xfrm>
        </p:spPr>
        <p:txBody>
          <a:bodyPr numCol="2" spcCol="234000"/>
          <a:lstStyle>
            <a:lvl1pPr marL="0" indent="0">
              <a:lnSpc>
                <a:spcPct val="100000"/>
              </a:lnSpc>
              <a:buChar char="​"/>
              <a:defRPr sz="894" b="0">
                <a:solidFill>
                  <a:srgbClr val="FFFFFF"/>
                </a:solidFill>
                <a:latin typeface="Arial Nova" panose="020B0504020202020204" pitchFamily="34" charset="0"/>
              </a:defRPr>
            </a:lvl1pPr>
            <a:lvl2pPr marL="0" indent="0">
              <a:lnSpc>
                <a:spcPct val="100000"/>
              </a:lnSpc>
              <a:buChar char="​"/>
              <a:defRPr sz="894" b="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buChar char="​"/>
              <a:defRPr sz="894" b="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buChar char="​"/>
              <a:defRPr sz="894" b="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buChar char="​"/>
              <a:defRPr sz="894" b="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buChar char="​"/>
              <a:defRPr sz="894" b="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buChar char="​"/>
              <a:defRPr sz="894" b="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buChar char="​"/>
              <a:defRPr sz="894" b="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buChar char="​"/>
              <a:defRPr sz="894" b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disclaimer text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6095686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HI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A69971FE-47B1-E05E-6529-F38C0B67D870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30475" y="1493850"/>
            <a:ext cx="225225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17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742950" rtl="0" eaLnBrk="1" fontAlgn="auto" latinLnBrk="0" hangingPunct="1">
              <a:lnSpc>
                <a:spcPct val="100000"/>
              </a:lnSpc>
              <a:spcBef>
                <a:spcPts val="975"/>
              </a:spcBef>
              <a:spcAft>
                <a:spcPts val="488"/>
              </a:spcAft>
              <a:buClrTx/>
              <a:buSzTx/>
              <a:buFontTx/>
              <a:buNone/>
              <a:tabLst/>
              <a:defRPr/>
            </a:pPr>
            <a:r>
              <a:rPr lang="en-GB" sz="13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PHOTOS</a:t>
            </a:r>
            <a:br>
              <a:rPr lang="en-GB" sz="731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hotos</a:t>
            </a:r>
            <a:endParaRPr lang="en-GB" altLang="da-DK" sz="731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88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 slides with picture placeholder, click on the icon and choose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o browse to a picture</a:t>
            </a:r>
          </a:p>
          <a:p>
            <a:pPr eaLnBrk="1" hangingPunct="1">
              <a:spcBef>
                <a:spcPts val="975"/>
              </a:spcBef>
              <a:spcAft>
                <a:spcPts val="488"/>
              </a:spcAft>
              <a:defRPr/>
            </a:pPr>
            <a:r>
              <a:rPr lang="en-GB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731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eaLnBrk="1" hangingPunct="1">
              <a:spcAft>
                <a:spcPts val="488"/>
              </a:spcAft>
              <a:defRPr/>
            </a:pPr>
            <a:endParaRPr lang="en-GB" altLang="da-DK" sz="731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algn="l" defTabSz="742950" rtl="0" eaLnBrk="1" latinLnBrk="0" hangingPunct="1">
              <a:spcAft>
                <a:spcPts val="488"/>
              </a:spcAft>
              <a:defRPr/>
            </a:pPr>
            <a:r>
              <a:rPr lang="en-GB" sz="1300" kern="1200" dirty="0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SHAPES</a:t>
            </a:r>
            <a:br>
              <a:rPr lang="en-GB" sz="1300" kern="1200" dirty="0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731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1. Click Slide elements </a:t>
            </a:r>
            <a:r>
              <a:rPr lang="en-GB" altLang="da-DK" sz="731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n the Templafy pane and select from the shapes available</a:t>
            </a:r>
          </a:p>
          <a:p>
            <a:pPr marL="0" algn="l" defTabSz="742950" rtl="0" eaLnBrk="1" latinLnBrk="0" hangingPunct="1">
              <a:spcAft>
                <a:spcPts val="488"/>
              </a:spcAft>
              <a:defRPr/>
            </a:pPr>
            <a:r>
              <a:rPr lang="en-GB" altLang="da-DK" sz="731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2. </a:t>
            </a:r>
            <a:r>
              <a:rPr lang="en-GB" altLang="da-DK" sz="731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f you want to scale the shape, hold </a:t>
            </a:r>
            <a:r>
              <a:rPr lang="en-GB" altLang="da-DK" sz="731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SHIFT</a:t>
            </a:r>
            <a:r>
              <a:rPr lang="en-GB" altLang="da-DK" sz="731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-key down while dragging the corners of the shape</a:t>
            </a:r>
          </a:p>
          <a:p>
            <a:pPr marL="0" marR="0" lvl="0" indent="0" algn="l" defTabSz="742950" rtl="0" eaLnBrk="1" fontAlgn="auto" latinLnBrk="0" hangingPunct="1">
              <a:lnSpc>
                <a:spcPct val="100000"/>
              </a:lnSpc>
              <a:spcBef>
                <a:spcPts val="975"/>
              </a:spcBef>
              <a:spcAft>
                <a:spcPts val="488"/>
              </a:spcAft>
              <a:buClrTx/>
              <a:buSzTx/>
              <a:buFontTx/>
              <a:buNone/>
              <a:tabLst/>
              <a:defRPr/>
            </a:pPr>
            <a:r>
              <a:rPr lang="en-GB" sz="13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sz="1300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731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731" b="0" i="0" dirty="0">
                <a:solidFill>
                  <a:srgbClr val="000000"/>
                </a:solidFill>
                <a:effectLst/>
                <a:latin typeface="+mn-lt"/>
              </a:rPr>
              <a:t>⌘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793708" y="2646520"/>
            <a:ext cx="254953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867900" y="1493851"/>
            <a:ext cx="225225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88"/>
              </a:spcAft>
              <a:buClrTx/>
              <a:buSzTx/>
              <a:buFontTx/>
              <a:buNone/>
              <a:tabLst/>
              <a:defRPr/>
            </a:pPr>
            <a:r>
              <a:rPr lang="en-GB" sz="13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AND FOOTER</a:t>
            </a: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selected slide</a:t>
            </a:r>
          </a:p>
          <a:p>
            <a:pPr eaLnBrk="1" hangingPunct="1">
              <a:spcAft>
                <a:spcPts val="488"/>
              </a:spcAft>
              <a:defRPr/>
            </a:pPr>
            <a:endParaRPr lang="en-GB" altLang="da-DK" sz="731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13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731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731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731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731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731" b="1" i="0" u="sng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When presentation is done, open an empty presentation (press Ctrl+N). Copy all slides from presentation, paste them into empty one. This will ensure that there are no extra layouts</a:t>
            </a:r>
          </a:p>
          <a:p>
            <a:pPr marL="0" marR="0" lvl="0" indent="0" algn="l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88"/>
              </a:spcAft>
              <a:buClrTx/>
              <a:buSzTx/>
              <a:buFontTx/>
              <a:buNone/>
              <a:tabLst/>
              <a:defRPr/>
            </a:pPr>
            <a:r>
              <a:rPr lang="en-GB" sz="13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AND SLIDE ELEMENTS</a:t>
            </a:r>
          </a:p>
          <a:p>
            <a:pPr marL="0" marR="0" lvl="0" indent="0" algn="l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88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731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438549" y="448714"/>
            <a:ext cx="9026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2600" b="0" noProof="1">
                <a:solidFill>
                  <a:srgbClr val="000000"/>
                </a:solidFill>
                <a:latin typeface="+mj-lt"/>
                <a:cs typeface="Arial" panose="020B0604020202020204" pitchFamily="34" charset="0"/>
              </a:rPr>
              <a:t>TIPS AND TRICKS –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9120150" y="2116483"/>
            <a:ext cx="30736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1C65006-F914-4D72-A709-92CE01498E0B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5745227" y="1920751"/>
            <a:ext cx="277228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8549" y="1493851"/>
            <a:ext cx="225225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17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88"/>
              </a:spcAft>
              <a:buClrTx/>
              <a:buSzTx/>
              <a:buFontTx/>
              <a:buNone/>
              <a:tabLst/>
              <a:defRPr/>
            </a:pPr>
            <a:r>
              <a:rPr lang="en-GB" sz="13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3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731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731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731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731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731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731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sz="731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88"/>
              </a:spcAft>
              <a:defRPr/>
            </a:pPr>
            <a:r>
              <a:rPr lang="en-GB" sz="73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73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731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73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73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sz="731" baseline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88"/>
              </a:spcAft>
              <a:defRPr/>
            </a:pP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88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488"/>
              </a:spcAft>
              <a:defRPr/>
            </a:pP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3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88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731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731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488"/>
              </a:spcAft>
              <a:buFont typeface="+mj-lt"/>
              <a:buNone/>
            </a:pPr>
            <a:r>
              <a:rPr lang="en-GB" sz="731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731" b="1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731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731" noProof="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731" noProof="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488"/>
              </a:spcAft>
              <a:defRPr/>
            </a:pPr>
            <a:r>
              <a:rPr lang="en-GB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88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73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73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88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73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731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73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their default settings</a:t>
            </a:r>
            <a:endParaRPr lang="en-GB" sz="731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651690" y="4859226"/>
            <a:ext cx="386285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651690" y="4004908"/>
            <a:ext cx="267216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653882" y="5758524"/>
            <a:ext cx="437503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651690" y="2499650"/>
            <a:ext cx="371429" cy="257143"/>
          </a:xfrm>
          <a:prstGeom prst="rect">
            <a:avLst/>
          </a:prstGeom>
        </p:spPr>
      </p:pic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2651690" y="3209517"/>
            <a:ext cx="208929" cy="285714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89664752-01FE-3237-CCE8-F3CC065AD8E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8557187" y="5950675"/>
            <a:ext cx="928614" cy="365988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F845898E-04A2-2EDB-0101-1BB337C071D7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5822311" y="4463296"/>
            <a:ext cx="580036" cy="3739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5234058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&gt;Do not use layouts after this &gt; A">
    <p:bg bwMode="black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5B5DC6AD-EE67-DF6A-A939-1ACEC6D8902E}"/>
              </a:ext>
            </a:extLst>
          </p:cNvPr>
          <p:cNvSpPr/>
          <p:nvPr userDrawn="1"/>
        </p:nvSpPr>
        <p:spPr bwMode="black">
          <a:xfrm>
            <a:off x="145763" y="180000"/>
            <a:ext cx="9614475" cy="6498000"/>
          </a:xfrm>
          <a:prstGeom prst="rect">
            <a:avLst/>
          </a:prstGeom>
          <a:solidFill>
            <a:srgbClr val="0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GB" sz="813" dirty="0">
              <a:solidFill>
                <a:schemeClr val="tx1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C3B8730-9D2B-3782-3FB9-587D5A1874F1}"/>
              </a:ext>
            </a:extLst>
          </p:cNvPr>
          <p:cNvSpPr txBox="1"/>
          <p:nvPr userDrawn="1"/>
        </p:nvSpPr>
        <p:spPr bwMode="white">
          <a:xfrm>
            <a:off x="344961" y="4072882"/>
            <a:ext cx="4257266" cy="2542665"/>
          </a:xfrm>
          <a:prstGeom prst="rect">
            <a:avLst/>
          </a:prstGeom>
          <a:noFill/>
          <a:ln w="19050">
            <a:noFill/>
          </a:ln>
        </p:spPr>
        <p:txBody>
          <a:bodyPr wrap="square" lIns="0" tIns="0" rIns="0" bIns="0" rtlCol="0">
            <a:noAutofit/>
          </a:bodyPr>
          <a:lstStyle/>
          <a:p>
            <a:pPr>
              <a:spcBef>
                <a:spcPts val="0"/>
              </a:spcBef>
            </a:pPr>
            <a:r>
              <a:rPr lang="en-GB" sz="14625" kern="1400" spc="-222" dirty="0">
                <a:solidFill>
                  <a:srgbClr val="FFFFFF"/>
                </a:solidFill>
                <a:latin typeface="+mn-lt"/>
              </a:rPr>
              <a:t>use</a:t>
            </a:r>
            <a:endParaRPr lang="en-GB" sz="14625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0A84B7C-99B7-DD33-CB4D-656015E92295}"/>
              </a:ext>
            </a:extLst>
          </p:cNvPr>
          <p:cNvSpPr txBox="1"/>
          <p:nvPr userDrawn="1"/>
        </p:nvSpPr>
        <p:spPr bwMode="white">
          <a:xfrm>
            <a:off x="343397" y="2046654"/>
            <a:ext cx="4257266" cy="2750482"/>
          </a:xfrm>
          <a:prstGeom prst="rect">
            <a:avLst/>
          </a:prstGeom>
          <a:noFill/>
          <a:ln w="19050">
            <a:noFill/>
          </a:ln>
        </p:spPr>
        <p:txBody>
          <a:bodyPr wrap="square" lIns="0" tIns="0" rIns="0" bIns="0" rtlCol="0">
            <a:noAutofit/>
          </a:bodyPr>
          <a:lstStyle/>
          <a:p>
            <a:pPr>
              <a:spcBef>
                <a:spcPts val="0"/>
              </a:spcBef>
            </a:pPr>
            <a:r>
              <a:rPr lang="en-GB" sz="14625" kern="1400" spc="-222" dirty="0">
                <a:solidFill>
                  <a:srgbClr val="FFFFFF"/>
                </a:solidFill>
                <a:latin typeface="+mn-lt"/>
              </a:rPr>
              <a:t>not</a:t>
            </a:r>
            <a:endParaRPr lang="en-GB" sz="14625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3AAD249-FAAA-BDCD-2A99-1788F8238BA2}"/>
              </a:ext>
            </a:extLst>
          </p:cNvPr>
          <p:cNvSpPr txBox="1"/>
          <p:nvPr userDrawn="1"/>
        </p:nvSpPr>
        <p:spPr bwMode="white">
          <a:xfrm>
            <a:off x="343397" y="-25978"/>
            <a:ext cx="9053922" cy="2537115"/>
          </a:xfrm>
          <a:prstGeom prst="rect">
            <a:avLst/>
          </a:prstGeom>
          <a:noFill/>
          <a:ln w="19050">
            <a:noFill/>
          </a:ln>
        </p:spPr>
        <p:txBody>
          <a:bodyPr wrap="square" lIns="0" tIns="0" rIns="0" bIns="0" rtlCol="0">
            <a:noAutofit/>
          </a:bodyPr>
          <a:lstStyle/>
          <a:p>
            <a:pPr>
              <a:spcBef>
                <a:spcPts val="0"/>
              </a:spcBef>
            </a:pPr>
            <a:r>
              <a:rPr lang="en-GB" sz="14625" kern="1400" spc="-222" dirty="0">
                <a:solidFill>
                  <a:srgbClr val="FFFFFF"/>
                </a:solidFill>
                <a:latin typeface="+mn-lt"/>
              </a:rPr>
              <a:t>Do</a:t>
            </a:r>
            <a:endParaRPr lang="en-GB" sz="14625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B6D7DC1-0155-592A-2F3C-8553950B1F6F}"/>
              </a:ext>
            </a:extLst>
          </p:cNvPr>
          <p:cNvSpPr txBox="1"/>
          <p:nvPr userDrawn="1"/>
        </p:nvSpPr>
        <p:spPr bwMode="white">
          <a:xfrm>
            <a:off x="4742797" y="4491759"/>
            <a:ext cx="4459483" cy="190063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300" dirty="0">
                <a:solidFill>
                  <a:srgbClr val="FFFFFF"/>
                </a:solidFill>
              </a:rPr>
              <a:t>If you see any layouts after this one, please do not use them. These are not part of our corporate templates.</a:t>
            </a:r>
          </a:p>
          <a:p>
            <a:r>
              <a:rPr lang="en-GB" sz="1300" dirty="0">
                <a:solidFill>
                  <a:srgbClr val="FFFFFF"/>
                </a:solidFill>
              </a:rPr>
              <a:t>Due to PowerPoint standard copy/paste functionality, extra undesirable layouts can appear. </a:t>
            </a:r>
            <a:br>
              <a:rPr lang="en-GB" sz="1300" dirty="0">
                <a:solidFill>
                  <a:srgbClr val="FFFFFF"/>
                </a:solidFill>
              </a:rPr>
            </a:br>
            <a:br>
              <a:rPr lang="en-GB" sz="1300" dirty="0">
                <a:solidFill>
                  <a:srgbClr val="FFFFFF"/>
                </a:solidFill>
              </a:rPr>
            </a:br>
            <a:r>
              <a:rPr lang="en-GB" sz="1300" dirty="0">
                <a:solidFill>
                  <a:srgbClr val="FFFFFF"/>
                </a:solidFill>
              </a:rPr>
              <a:t>Also notice: </a:t>
            </a:r>
            <a:br>
              <a:rPr lang="en-GB" sz="1300" dirty="0">
                <a:solidFill>
                  <a:srgbClr val="FFFFFF"/>
                </a:solidFill>
              </a:rPr>
            </a:br>
            <a:r>
              <a:rPr lang="en-GB" sz="1300" dirty="0">
                <a:solidFill>
                  <a:srgbClr val="FFFFFF"/>
                </a:solidFill>
              </a:rPr>
              <a:t>Layouts after this might contain potential confidential information.</a:t>
            </a:r>
            <a:endParaRPr lang="en-GB" sz="13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65931655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13055AD-09C8-4F46-881E-D90CDC81E11F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38547" y="3278700"/>
            <a:ext cx="4605788" cy="677160"/>
          </a:xfrm>
          <a:prstGeom prst="rect">
            <a:avLst/>
          </a:prstGeom>
          <a:noFill/>
          <a:ln w="38100">
            <a:noFill/>
          </a:ln>
        </p:spPr>
        <p:txBody>
          <a:bodyPr lIns="0" tIns="0" rIns="0" bIns="0" anchor="b" anchorCtr="0">
            <a:noAutofit/>
          </a:bodyPr>
          <a:lstStyle>
            <a:lvl1pPr algn="l">
              <a:defRPr sz="3575" b="0" cap="all" baseline="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5EB522CB-624B-4E55-5725-D5269A80A49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438547" y="4320000"/>
            <a:ext cx="4605788" cy="10152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788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  <a:br>
              <a:rPr lang="en-GB" dirty="0"/>
            </a:br>
            <a:r>
              <a:rPr lang="en-GB" dirty="0"/>
              <a:t>Layouts with images in </a:t>
            </a:r>
            <a:r>
              <a:rPr lang="en-GB" dirty="0" err="1"/>
              <a:t>Templafy</a:t>
            </a:r>
            <a:r>
              <a:rPr lang="en-GB" dirty="0"/>
              <a:t> &gt; Toolkit</a:t>
            </a:r>
          </a:p>
        </p:txBody>
      </p:sp>
      <p:sp>
        <p:nvSpPr>
          <p:cNvPr id="3" name="Rectangle: Single Corner Snipped 2">
            <a:extLst>
              <a:ext uri="{FF2B5EF4-FFF2-40B4-BE49-F238E27FC236}">
                <a16:creationId xmlns:a16="http://schemas.microsoft.com/office/drawing/2014/main" id="{646BA7CE-8EDF-9F7C-A8EC-9D794DF4C93E}"/>
              </a:ext>
            </a:extLst>
          </p:cNvPr>
          <p:cNvSpPr/>
          <p:nvPr userDrawn="1"/>
        </p:nvSpPr>
        <p:spPr>
          <a:xfrm flipH="1">
            <a:off x="5425483" y="533923"/>
            <a:ext cx="4480517" cy="6324076"/>
          </a:xfrm>
          <a:prstGeom prst="snip1Rect">
            <a:avLst>
              <a:gd name="adj" fmla="val 34575"/>
            </a:avLst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8500" tIns="29250" rIns="58500" bIns="29250" rtlCol="0" anchor="ctr"/>
          <a:lstStyle/>
          <a:p>
            <a:pPr algn="ctr"/>
            <a:endParaRPr lang="en-GB" sz="1300" noProof="0" dirty="0"/>
          </a:p>
        </p:txBody>
      </p:sp>
    </p:spTree>
    <p:extLst>
      <p:ext uri="{BB962C8B-B14F-4D97-AF65-F5344CB8AC3E}">
        <p14:creationId xmlns:p14="http://schemas.microsoft.com/office/powerpoint/2010/main" val="50962637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13055AD-09C8-4F46-881E-D90CDC81E11F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38547" y="3278700"/>
            <a:ext cx="4605788" cy="677160"/>
          </a:xfrm>
          <a:prstGeom prst="rect">
            <a:avLst/>
          </a:prstGeom>
          <a:noFill/>
          <a:ln w="38100">
            <a:noFill/>
          </a:ln>
        </p:spPr>
        <p:txBody>
          <a:bodyPr lIns="0" tIns="0" rIns="0" bIns="0" anchor="b" anchorCtr="0">
            <a:noAutofit/>
          </a:bodyPr>
          <a:lstStyle>
            <a:lvl1pPr algn="l">
              <a:defRPr sz="3575" b="0" cap="all" baseline="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5EB522CB-624B-4E55-5725-D5269A80A49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438547" y="4320000"/>
            <a:ext cx="4605788" cy="10152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788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 </a:t>
            </a:r>
            <a:br>
              <a:rPr lang="en-GB" dirty="0"/>
            </a:br>
            <a:r>
              <a:rPr lang="en-GB" dirty="0"/>
              <a:t>Layouts with images in </a:t>
            </a:r>
            <a:r>
              <a:rPr lang="en-GB" dirty="0" err="1"/>
              <a:t>Templafy</a:t>
            </a:r>
            <a:r>
              <a:rPr lang="en-GB" dirty="0"/>
              <a:t> &gt; Toolkit</a:t>
            </a:r>
          </a:p>
        </p:txBody>
      </p:sp>
      <p:sp>
        <p:nvSpPr>
          <p:cNvPr id="3" name="Rectangle: Single Corner Snipped 2">
            <a:extLst>
              <a:ext uri="{FF2B5EF4-FFF2-40B4-BE49-F238E27FC236}">
                <a16:creationId xmlns:a16="http://schemas.microsoft.com/office/drawing/2014/main" id="{397F517C-FD8A-60A6-5BC1-F3B58B38B4F8}"/>
              </a:ext>
            </a:extLst>
          </p:cNvPr>
          <p:cNvSpPr/>
          <p:nvPr userDrawn="1"/>
        </p:nvSpPr>
        <p:spPr>
          <a:xfrm flipH="1">
            <a:off x="5425483" y="533923"/>
            <a:ext cx="4480517" cy="6324076"/>
          </a:xfrm>
          <a:prstGeom prst="snip1Rect">
            <a:avLst>
              <a:gd name="adj" fmla="val 34575"/>
            </a:avLst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8500" tIns="29250" rIns="58500" bIns="29250" rtlCol="0" anchor="ctr"/>
          <a:lstStyle/>
          <a:p>
            <a:pPr algn="ctr"/>
            <a:endParaRPr lang="en-GB" sz="1300" noProof="0" dirty="0"/>
          </a:p>
        </p:txBody>
      </p:sp>
    </p:spTree>
    <p:extLst>
      <p:ext uri="{BB962C8B-B14F-4D97-AF65-F5344CB8AC3E}">
        <p14:creationId xmlns:p14="http://schemas.microsoft.com/office/powerpoint/2010/main" val="279573245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3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3BD0673F-0557-38EA-8DEE-863F3F268CC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1011" b="4895"/>
          <a:stretch/>
        </p:blipFill>
        <p:spPr>
          <a:xfrm rot="10800000">
            <a:off x="5417601" y="0"/>
            <a:ext cx="4488398" cy="5181778"/>
          </a:xfrm>
          <a:custGeom>
            <a:avLst/>
            <a:gdLst>
              <a:gd name="connsiteX0" fmla="*/ 5524182 w 5524182"/>
              <a:gd name="connsiteY0" fmla="*/ 5181778 h 5181778"/>
              <a:gd name="connsiteX1" fmla="*/ 0 w 5524182"/>
              <a:gd name="connsiteY1" fmla="*/ 5181778 h 5181778"/>
              <a:gd name="connsiteX2" fmla="*/ 0 w 5524182"/>
              <a:gd name="connsiteY2" fmla="*/ 0 h 5181778"/>
              <a:gd name="connsiteX3" fmla="*/ 5524182 w 5524182"/>
              <a:gd name="connsiteY3" fmla="*/ 0 h 518177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524182" h="5181778">
                <a:moveTo>
                  <a:pt x="5524182" y="5181778"/>
                </a:moveTo>
                <a:lnTo>
                  <a:pt x="0" y="5181778"/>
                </a:lnTo>
                <a:lnTo>
                  <a:pt x="0" y="0"/>
                </a:lnTo>
                <a:lnTo>
                  <a:pt x="5524182" y="0"/>
                </a:lnTo>
                <a:close/>
              </a:path>
            </a:pathLst>
          </a:custGeom>
        </p:spPr>
      </p:pic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2E17C21-0008-4C58-9ADC-8620A76AD57A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35723" y="3294000"/>
            <a:ext cx="4608612" cy="677160"/>
          </a:xfrm>
          <a:prstGeom prst="rect">
            <a:avLst/>
          </a:prstGeom>
          <a:ln w="38100">
            <a:noFill/>
          </a:ln>
        </p:spPr>
        <p:txBody>
          <a:bodyPr lIns="0" tIns="0" rIns="0" bIns="0" anchor="b" anchorCtr="0">
            <a:noAutofit/>
          </a:bodyPr>
          <a:lstStyle>
            <a:lvl1pPr algn="l">
              <a:defRPr sz="3575" b="0" cap="all" baseline="0">
                <a:solidFill>
                  <a:srgbClr val="000000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B51169C-0A78-CD26-6BE3-ED2E2AFB3B83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 bwMode="white">
          <a:xfrm>
            <a:off x="7364712" y="982982"/>
            <a:ext cx="1877527" cy="693241"/>
          </a:xfrm>
          <a:prstGeom prst="rect">
            <a:avLst/>
          </a:prstGeom>
        </p:spPr>
      </p:pic>
      <p:sp>
        <p:nvSpPr>
          <p:cNvPr id="6" name="Subtitle 2">
            <a:extLst>
              <a:ext uri="{FF2B5EF4-FFF2-40B4-BE49-F238E27FC236}">
                <a16:creationId xmlns:a16="http://schemas.microsoft.com/office/drawing/2014/main" id="{34C6E9BB-0A86-5196-89B7-0568C4C772C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438547" y="4320000"/>
            <a:ext cx="4605788" cy="10152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788">
                <a:solidFill>
                  <a:srgbClr val="000000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  <a:br>
              <a:rPr lang="en-GB" dirty="0"/>
            </a:br>
            <a:r>
              <a:rPr lang="en-GB" dirty="0"/>
              <a:t>Layouts with images in </a:t>
            </a:r>
            <a:r>
              <a:rPr lang="en-GB" dirty="0" err="1"/>
              <a:t>Templafy</a:t>
            </a:r>
            <a:r>
              <a:rPr lang="en-GB" dirty="0"/>
              <a:t> &gt; Toolkit</a:t>
            </a:r>
          </a:p>
        </p:txBody>
      </p:sp>
    </p:spTree>
    <p:extLst>
      <p:ext uri="{BB962C8B-B14F-4D97-AF65-F5344CB8AC3E}">
        <p14:creationId xmlns:p14="http://schemas.microsoft.com/office/powerpoint/2010/main" val="294310910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13055AD-09C8-4F46-881E-D90CDC81E11F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38547" y="3278700"/>
            <a:ext cx="4605788" cy="677160"/>
          </a:xfrm>
          <a:prstGeom prst="rect">
            <a:avLst/>
          </a:prstGeom>
          <a:noFill/>
          <a:ln w="38100">
            <a:noFill/>
          </a:ln>
        </p:spPr>
        <p:txBody>
          <a:bodyPr lIns="0" tIns="0" rIns="0" bIns="0" anchor="b" anchorCtr="0">
            <a:noAutofit/>
          </a:bodyPr>
          <a:lstStyle>
            <a:lvl1pPr algn="l">
              <a:defRPr sz="3575" b="0" cap="all" baseline="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5EB522CB-624B-4E55-5725-D5269A80A49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438547" y="4320000"/>
            <a:ext cx="4605788" cy="10152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788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788" b="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  <a:br>
              <a:rPr lang="en-GB" dirty="0"/>
            </a:br>
            <a:r>
              <a:rPr lang="en-GB" dirty="0"/>
              <a:t>Layouts with images in </a:t>
            </a:r>
            <a:r>
              <a:rPr lang="en-GB" dirty="0" err="1"/>
              <a:t>Templafy</a:t>
            </a:r>
            <a:r>
              <a:rPr lang="en-GB" dirty="0"/>
              <a:t> &gt; Toolkit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55A98E3D-F4A8-5757-BEDC-ED01C2429A7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1011" b="4895"/>
          <a:stretch/>
        </p:blipFill>
        <p:spPr>
          <a:xfrm rot="10800000">
            <a:off x="5417601" y="0"/>
            <a:ext cx="4488398" cy="5181778"/>
          </a:xfrm>
          <a:custGeom>
            <a:avLst/>
            <a:gdLst>
              <a:gd name="connsiteX0" fmla="*/ 5524182 w 5524182"/>
              <a:gd name="connsiteY0" fmla="*/ 5181778 h 5181778"/>
              <a:gd name="connsiteX1" fmla="*/ 0 w 5524182"/>
              <a:gd name="connsiteY1" fmla="*/ 5181778 h 5181778"/>
              <a:gd name="connsiteX2" fmla="*/ 0 w 5524182"/>
              <a:gd name="connsiteY2" fmla="*/ 0 h 5181778"/>
              <a:gd name="connsiteX3" fmla="*/ 5524182 w 5524182"/>
              <a:gd name="connsiteY3" fmla="*/ 0 h 518177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524182" h="5181778">
                <a:moveTo>
                  <a:pt x="5524182" y="5181778"/>
                </a:moveTo>
                <a:lnTo>
                  <a:pt x="0" y="5181778"/>
                </a:lnTo>
                <a:lnTo>
                  <a:pt x="0" y="0"/>
                </a:lnTo>
                <a:lnTo>
                  <a:pt x="5524182" y="0"/>
                </a:lnTo>
                <a:close/>
              </a:path>
            </a:pathLst>
          </a:cu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48219798-695C-6127-3D10-2B226A933C55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 bwMode="white">
          <a:xfrm>
            <a:off x="7364712" y="982982"/>
            <a:ext cx="1877527" cy="6932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09674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5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935B3D0-7480-48E3-9054-4D3F9FB9B828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39BE16CE-B9BB-6CC2-B06F-82A429A461ED}"/>
              </a:ext>
            </a:extLst>
          </p:cNvPr>
          <p:cNvSpPr/>
          <p:nvPr/>
        </p:nvSpPr>
        <p:spPr>
          <a:xfrm>
            <a:off x="3498783" y="592985"/>
            <a:ext cx="5942115" cy="5663758"/>
          </a:xfrm>
          <a:custGeom>
            <a:avLst/>
            <a:gdLst>
              <a:gd name="connsiteX0" fmla="*/ 7313373 w 7313372"/>
              <a:gd name="connsiteY0" fmla="*/ 591 h 5663758"/>
              <a:gd name="connsiteX1" fmla="*/ 7313373 w 7313372"/>
              <a:gd name="connsiteY1" fmla="*/ 5663759 h 5663758"/>
              <a:gd name="connsiteX2" fmla="*/ 2831879 w 7313372"/>
              <a:gd name="connsiteY2" fmla="*/ 5663759 h 5663758"/>
              <a:gd name="connsiteX3" fmla="*/ 0 w 7313372"/>
              <a:gd name="connsiteY3" fmla="*/ 2831879 h 5663758"/>
              <a:gd name="connsiteX4" fmla="*/ 2831879 w 7313372"/>
              <a:gd name="connsiteY4" fmla="*/ 0 h 5663758"/>
              <a:gd name="connsiteX5" fmla="*/ 2868511 w 7313372"/>
              <a:gd name="connsiteY5" fmla="*/ 591 h 5663758"/>
              <a:gd name="connsiteX6" fmla="*/ 7313373 w 7313372"/>
              <a:gd name="connsiteY6" fmla="*/ 591 h 56637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7313372" h="5663758">
                <a:moveTo>
                  <a:pt x="7313373" y="591"/>
                </a:moveTo>
                <a:lnTo>
                  <a:pt x="7313373" y="5663759"/>
                </a:lnTo>
                <a:lnTo>
                  <a:pt x="2831879" y="5663759"/>
                </a:lnTo>
                <a:cubicBezTo>
                  <a:pt x="1267935" y="5663759"/>
                  <a:pt x="0" y="4395824"/>
                  <a:pt x="0" y="2831879"/>
                </a:cubicBezTo>
                <a:cubicBezTo>
                  <a:pt x="0" y="1267935"/>
                  <a:pt x="1267935" y="0"/>
                  <a:pt x="2831879" y="0"/>
                </a:cubicBezTo>
                <a:cubicBezTo>
                  <a:pt x="2844286" y="0"/>
                  <a:pt x="2856103" y="0"/>
                  <a:pt x="2868511" y="591"/>
                </a:cubicBezTo>
                <a:lnTo>
                  <a:pt x="7313373" y="591"/>
                </a:lnTo>
                <a:close/>
              </a:path>
            </a:pathLst>
          </a:custGeom>
          <a:solidFill>
            <a:schemeClr val="accent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da-DK" sz="1463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3CD26AF5-E9AB-7462-6C62-0C8B0F7FC91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28874" y="5021581"/>
            <a:ext cx="1877527" cy="693241"/>
          </a:xfrm>
          <a:prstGeom prst="rect">
            <a:avLst/>
          </a:prstGeom>
        </p:spPr>
      </p:pic>
      <p:sp>
        <p:nvSpPr>
          <p:cNvPr id="3" name="Title 1">
            <a:extLst>
              <a:ext uri="{FF2B5EF4-FFF2-40B4-BE49-F238E27FC236}">
                <a16:creationId xmlns:a16="http://schemas.microsoft.com/office/drawing/2014/main" id="{63A89836-9B68-180F-788A-576FDE011677}"/>
              </a:ext>
            </a:extLst>
          </p:cNvPr>
          <p:cNvSpPr txBox="1">
            <a:spLocks/>
          </p:cNvSpPr>
          <p:nvPr userDrawn="1"/>
        </p:nvSpPr>
        <p:spPr>
          <a:xfrm>
            <a:off x="676407" y="822872"/>
            <a:ext cx="3126825" cy="3848400"/>
          </a:xfrm>
          <a:prstGeom prst="ellipse">
            <a:avLst/>
          </a:prstGeom>
          <a:ln w="38100">
            <a:solidFill>
              <a:srgbClr val="000000"/>
            </a:solidFill>
          </a:ln>
        </p:spPr>
        <p:txBody>
          <a:bodyPr vert="horz" lIns="0" tIns="58500" rIns="0" bIns="0" rtlCol="0" anchor="ctr" anchorCtr="0">
            <a:normAutofit/>
          </a:bodyPr>
          <a:lstStyle>
            <a:lvl1pPr algn="ctr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200" b="0" kern="1200" cap="all" baseline="0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3413" dirty="0"/>
              <a:t>Click to add title</a:t>
            </a:r>
          </a:p>
          <a:p>
            <a:pPr>
              <a:lnSpc>
                <a:spcPct val="100000"/>
              </a:lnSpc>
            </a:pPr>
            <a:endParaRPr lang="en-GB" sz="1300" dirty="0"/>
          </a:p>
          <a:p>
            <a:pPr>
              <a:lnSpc>
                <a:spcPct val="100000"/>
              </a:lnSpc>
            </a:pPr>
            <a:r>
              <a:rPr lang="en-GB" sz="1463" dirty="0"/>
              <a:t>See more options in </a:t>
            </a:r>
            <a:r>
              <a:rPr lang="en-GB" sz="1463" dirty="0" err="1"/>
              <a:t>templafy</a:t>
            </a:r>
            <a:r>
              <a:rPr lang="en-GB" sz="1463" dirty="0"/>
              <a:t> &gt; toolkit</a:t>
            </a:r>
          </a:p>
        </p:txBody>
      </p:sp>
    </p:spTree>
    <p:extLst>
      <p:ext uri="{BB962C8B-B14F-4D97-AF65-F5344CB8AC3E}">
        <p14:creationId xmlns:p14="http://schemas.microsoft.com/office/powerpoint/2010/main" val="303568515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Background">
            <a:extLst>
              <a:ext uri="{FF2B5EF4-FFF2-40B4-BE49-F238E27FC236}">
                <a16:creationId xmlns:a16="http://schemas.microsoft.com/office/drawing/2014/main" id="{032B367B-2BB3-C948-7304-64DA84DB8530}"/>
              </a:ext>
            </a:extLst>
          </p:cNvPr>
          <p:cNvSpPr/>
          <p:nvPr userDrawn="1"/>
        </p:nvSpPr>
        <p:spPr bwMode="white">
          <a:xfrm>
            <a:off x="0" y="0"/>
            <a:ext cx="9906975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625" noProof="0" dirty="0" err="1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8549" y="541337"/>
            <a:ext cx="9027616" cy="43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8549" y="1690688"/>
            <a:ext cx="9027616" cy="462597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                                                                                                                                                                                     Press ENTER then TAB to view next text style                                                                                                                              Press SHIFT+TAB to view previous text style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-1367723" y="6247414"/>
            <a:ext cx="710775" cy="13849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31">
                <a:solidFill>
                  <a:srgbClr val="000000"/>
                </a:solidFill>
              </a:defRPr>
            </a:lvl1pPr>
          </a:lstStyle>
          <a:p>
            <a:fld id="{3D17C2B4-5675-4F79-85EB-6419CBA83D93}" type="datetime4">
              <a:rPr lang="en-GB" smtClean="0"/>
              <a:t>15 January 2026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-1375133" y="5291386"/>
            <a:ext cx="718185" cy="541337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65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-933846" y="6559773"/>
            <a:ext cx="203279" cy="143116"/>
          </a:xfrm>
          <a:prstGeom prst="rect">
            <a:avLst/>
          </a:prstGeom>
          <a:noFill/>
          <a:effectLst/>
          <a:extLst>
            <a:ext uri="{53640926-AAD7-44D8-BBD7-CCE9431645EC}">
              <a14:shadowObscured xmlns:a14="http://schemas.microsoft.com/office/drawing/2010/main"/>
            </a:ext>
          </a:extLst>
        </p:spPr>
        <p:txBody>
          <a:bodyPr vert="horz" wrap="square" lIns="0" tIns="0" rIns="0" bIns="0" rtlCol="0" anchor="b" anchorCtr="0">
            <a:noAutofit/>
          </a:bodyPr>
          <a:lstStyle>
            <a:lvl1pPr marL="146250" indent="-146250" algn="l">
              <a:lnSpc>
                <a:spcPct val="90000"/>
              </a:lnSpc>
              <a:defRPr sz="731" b="0" i="0" u="none" strike="noStrike">
                <a:solidFill>
                  <a:srgbClr val="000000"/>
                </a:solidFill>
                <a:latin typeface="Arial" panose="020B0604020202020204" pitchFamily="34" charset="0"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MOTT MACDONALD" descr="{&quot;templafy&quot;:{&quot;id&quot;:&quot;c2cfec1a-3808-4235-ac5a-0361da023999&quot;}}" hidden="1" title="UserProfile.Language.PpEntity">
            <a:extLst>
              <a:ext uri="{FF2B5EF4-FFF2-40B4-BE49-F238E27FC236}">
                <a16:creationId xmlns:a16="http://schemas.microsoft.com/office/drawing/2014/main" id="{8DDCF8C3-D2B9-80DF-9155-82ECE99AF781}"/>
              </a:ext>
            </a:extLst>
          </p:cNvPr>
          <p:cNvSpPr txBox="1"/>
          <p:nvPr userDrawn="1"/>
        </p:nvSpPr>
        <p:spPr>
          <a:xfrm>
            <a:off x="809500" y="6540334"/>
            <a:ext cx="1787697" cy="11246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731" dirty="0">
                <a:solidFill>
                  <a:srgbClr val="000000"/>
                </a:solidFill>
              </a:rPr>
              <a:t>Mott MacDonald</a:t>
            </a:r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5DB497DA-568F-6232-5240-30ECE95CE7B3}"/>
              </a:ext>
            </a:extLst>
          </p:cNvPr>
          <p:cNvCxnSpPr>
            <a:cxnSpLocks/>
          </p:cNvCxnSpPr>
          <p:nvPr userDrawn="1"/>
        </p:nvCxnSpPr>
        <p:spPr>
          <a:xfrm>
            <a:off x="674845" y="6557392"/>
            <a:ext cx="0" cy="105822"/>
          </a:xfrm>
          <a:prstGeom prst="line">
            <a:avLst/>
          </a:prstGeom>
          <a:ln w="6350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Date Placeholder 1" descr="{&quot;templafy&quot;:{&quot;id&quot;:&quot;7b68ae2d-f41f-4dfe-86d8-f2565e4d263c&quot;}}">
            <a:extLst>
              <a:ext uri="{FF2B5EF4-FFF2-40B4-BE49-F238E27FC236}">
                <a16:creationId xmlns:a16="http://schemas.microsoft.com/office/drawing/2014/main" id="{F3B5AA46-0138-A811-A200-6C935A05B049}"/>
              </a:ext>
            </a:extLst>
          </p:cNvPr>
          <p:cNvSpPr txBox="1">
            <a:spLocks/>
          </p:cNvSpPr>
          <p:nvPr userDrawn="1"/>
        </p:nvSpPr>
        <p:spPr>
          <a:xfrm>
            <a:off x="8760513" y="6518082"/>
            <a:ext cx="710775" cy="138498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sz="731"/>
          </a:p>
        </p:txBody>
      </p:sp>
      <p:sp>
        <p:nvSpPr>
          <p:cNvPr id="10" name="Slide number">
            <a:extLst>
              <a:ext uri="{FF2B5EF4-FFF2-40B4-BE49-F238E27FC236}">
                <a16:creationId xmlns:a16="http://schemas.microsoft.com/office/drawing/2014/main" id="{C9E9881E-ECB8-DC9E-EA4C-1A611BEB0A01}"/>
              </a:ext>
            </a:extLst>
          </p:cNvPr>
          <p:cNvSpPr txBox="1">
            <a:spLocks/>
          </p:cNvSpPr>
          <p:nvPr userDrawn="1"/>
        </p:nvSpPr>
        <p:spPr>
          <a:xfrm>
            <a:off x="438549" y="6541200"/>
            <a:ext cx="204750" cy="144000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>
              <a:lnSpc>
                <a:spcPct val="100000"/>
              </a:lnSpc>
            </a:pPr>
            <a:fld id="{2D551913-E72B-4FF3-8249-50C482049D68}" type="slidenum">
              <a:rPr lang="en-GB" sz="731" baseline="0" smtClean="0">
                <a:solidFill>
                  <a:srgbClr val="000000"/>
                </a:solidFill>
              </a:rPr>
              <a:pPr>
                <a:lnSpc>
                  <a:spcPct val="100000"/>
                </a:lnSpc>
              </a:pPr>
              <a:t>‹#›</a:t>
            </a:fld>
            <a:endParaRPr lang="en-GB" sz="731" baseline="0" dirty="0">
              <a:solidFill>
                <a:srgbClr val="000000"/>
              </a:solidFill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990FCAE-3FF4-CF42-5EB8-11D39CE27511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735013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GB" sz="1000">
                <a:solidFill>
                  <a:srgbClr val="000000">
                    <a:alpha val="50000"/>
                  </a:srgbClr>
                </a:solidFill>
                <a:latin typeface="Aptos" panose="020B0004020202020204" pitchFamily="34" charset="0"/>
              </a:rPr>
              <a:t>SW Business</a:t>
            </a: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4" r:id="rId1"/>
    <p:sldLayoutId id="2147483730" r:id="rId2"/>
    <p:sldLayoutId id="2147483815" r:id="rId3"/>
    <p:sldLayoutId id="2147483729" r:id="rId4"/>
    <p:sldLayoutId id="2147483852" r:id="rId5"/>
    <p:sldLayoutId id="2147483853" r:id="rId6"/>
    <p:sldLayoutId id="2147483820" r:id="rId7"/>
    <p:sldLayoutId id="2147483819" r:id="rId8"/>
    <p:sldLayoutId id="2147483816" r:id="rId9"/>
    <p:sldLayoutId id="2147483731" r:id="rId10"/>
    <p:sldLayoutId id="2147483821" r:id="rId11"/>
    <p:sldLayoutId id="2147483732" r:id="rId12"/>
    <p:sldLayoutId id="2147483822" r:id="rId13"/>
    <p:sldLayoutId id="2147483756" r:id="rId14"/>
    <p:sldLayoutId id="2147483755" r:id="rId15"/>
    <p:sldLayoutId id="2147483823" r:id="rId16"/>
    <p:sldLayoutId id="2147483824" r:id="rId17"/>
    <p:sldLayoutId id="2147483825" r:id="rId18"/>
    <p:sldLayoutId id="2147483809" r:id="rId19"/>
    <p:sldLayoutId id="2147483827" r:id="rId20"/>
    <p:sldLayoutId id="2147483833" r:id="rId21"/>
    <p:sldLayoutId id="2147483828" r:id="rId22"/>
    <p:sldLayoutId id="2147483831" r:id="rId23"/>
    <p:sldLayoutId id="2147483757" r:id="rId24"/>
    <p:sldLayoutId id="2147483832" r:id="rId25"/>
    <p:sldLayoutId id="2147483835" r:id="rId26"/>
    <p:sldLayoutId id="2147483830" r:id="rId27"/>
    <p:sldLayoutId id="2147483834" r:id="rId28"/>
    <p:sldLayoutId id="2147483837" r:id="rId29"/>
    <p:sldLayoutId id="2147483739" r:id="rId30"/>
    <p:sldLayoutId id="2147483798" r:id="rId31"/>
    <p:sldLayoutId id="2147483838" r:id="rId32"/>
    <p:sldLayoutId id="2147483743" r:id="rId33"/>
    <p:sldLayoutId id="2147483849" r:id="rId34"/>
    <p:sldLayoutId id="2147483850" r:id="rId35"/>
    <p:sldLayoutId id="2147483848" r:id="rId36"/>
    <p:sldLayoutId id="2147483744" r:id="rId37"/>
    <p:sldLayoutId id="2147483839" r:id="rId38"/>
    <p:sldLayoutId id="2147483840" r:id="rId39"/>
    <p:sldLayoutId id="2147483841" r:id="rId40"/>
    <p:sldLayoutId id="2147483842" r:id="rId41"/>
    <p:sldLayoutId id="2147483843" r:id="rId42"/>
    <p:sldLayoutId id="2147483844" r:id="rId43"/>
    <p:sldLayoutId id="2147483845" r:id="rId44"/>
    <p:sldLayoutId id="2147483847" r:id="rId45"/>
    <p:sldLayoutId id="2147483846" r:id="rId46"/>
    <p:sldLayoutId id="2147483851" r:id="rId47"/>
    <p:sldLayoutId id="2147483803" r:id="rId48"/>
  </p:sldLayoutIdLst>
  <p:hf hdr="0" ftr="0" dt="0"/>
  <p:txStyles>
    <p:titleStyle>
      <a:lvl1pPr algn="l" defTabSz="742950" rtl="0" eaLnBrk="1" latinLnBrk="0" hangingPunct="1">
        <a:lnSpc>
          <a:spcPct val="83000"/>
        </a:lnSpc>
        <a:spcBef>
          <a:spcPct val="0"/>
        </a:spcBef>
        <a:buNone/>
        <a:defRPr sz="2275" b="1" kern="1200">
          <a:solidFill>
            <a:srgbClr val="000000"/>
          </a:solidFill>
          <a:latin typeface="+mj-lt"/>
          <a:ea typeface="+mj-ea"/>
          <a:cs typeface="+mj-cs"/>
        </a:defRPr>
      </a:lvl1pPr>
    </p:titleStyle>
    <p:bodyStyle>
      <a:lvl1pPr marL="0" indent="0" algn="l" defTabSz="74295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300" b="1" kern="1200" baseline="0">
          <a:solidFill>
            <a:srgbClr val="000000"/>
          </a:solidFill>
          <a:latin typeface="+mn-lt"/>
          <a:ea typeface="+mn-ea"/>
          <a:cs typeface="+mn-cs"/>
        </a:defRPr>
      </a:lvl1pPr>
      <a:lvl2pPr marL="0" indent="0" algn="l" defTabSz="74295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300" kern="1200" baseline="0">
          <a:solidFill>
            <a:srgbClr val="000000"/>
          </a:solidFill>
          <a:latin typeface="+mn-lt"/>
          <a:ea typeface="+mn-ea"/>
          <a:cs typeface="+mn-cs"/>
        </a:defRPr>
      </a:lvl2pPr>
      <a:lvl3pPr marL="146250" indent="-146250" algn="l" defTabSz="74295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defRPr sz="1300" kern="1200" baseline="0">
          <a:solidFill>
            <a:srgbClr val="000000"/>
          </a:solidFill>
          <a:latin typeface="+mn-lt"/>
          <a:ea typeface="+mn-ea"/>
          <a:cs typeface="+mn-cs"/>
        </a:defRPr>
      </a:lvl3pPr>
      <a:lvl4pPr marL="292500" indent="-146250" algn="l" defTabSz="74295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–"/>
        <a:defRPr sz="1300" b="0" kern="1200" baseline="0">
          <a:solidFill>
            <a:srgbClr val="000000"/>
          </a:solidFill>
          <a:latin typeface="+mj-lt"/>
          <a:ea typeface="+mn-ea"/>
          <a:cs typeface="+mn-cs"/>
        </a:defRPr>
      </a:lvl4pPr>
      <a:lvl5pPr marL="438750" indent="-146250" algn="l" defTabSz="74295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–"/>
        <a:tabLst/>
        <a:defRPr sz="1300" kern="1200" baseline="0">
          <a:solidFill>
            <a:srgbClr val="000000"/>
          </a:solidFill>
          <a:latin typeface="+mn-lt"/>
          <a:ea typeface="+mn-ea"/>
          <a:cs typeface="+mn-cs"/>
        </a:defRPr>
      </a:lvl5pPr>
      <a:lvl6pPr marL="146250" indent="-146250" algn="l" defTabSz="74295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defRPr sz="1138" kern="1200" baseline="0">
          <a:solidFill>
            <a:srgbClr val="000000"/>
          </a:solidFill>
          <a:latin typeface="+mn-lt"/>
          <a:ea typeface="+mn-ea"/>
          <a:cs typeface="+mn-cs"/>
        </a:defRPr>
      </a:lvl6pPr>
      <a:lvl7pPr marL="0" indent="0" algn="l" defTabSz="74295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138" b="1" kern="1200" baseline="0">
          <a:solidFill>
            <a:srgbClr val="000000"/>
          </a:solidFill>
          <a:latin typeface="+mj-lt"/>
          <a:ea typeface="+mn-ea"/>
          <a:cs typeface="+mn-cs"/>
        </a:defRPr>
      </a:lvl7pPr>
      <a:lvl8pPr marL="0" indent="0" algn="l" defTabSz="74295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138" kern="1200" baseline="0">
          <a:solidFill>
            <a:srgbClr val="000000"/>
          </a:solidFill>
          <a:latin typeface="+mn-lt"/>
          <a:ea typeface="+mn-ea"/>
          <a:cs typeface="+mn-cs"/>
        </a:defRPr>
      </a:lvl8pPr>
      <a:lvl9pPr marL="0" indent="0" algn="l" defTabSz="74295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2925" b="1" kern="1200" baseline="0">
          <a:solidFill>
            <a:schemeClr val="tx2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742950" rtl="0" eaLnBrk="1" latinLnBrk="0" hangingPunct="1">
        <a:defRPr sz="1463" kern="1200">
          <a:solidFill>
            <a:schemeClr val="tx1"/>
          </a:solidFill>
          <a:latin typeface="+mn-lt"/>
          <a:ea typeface="+mn-ea"/>
          <a:cs typeface="+mn-cs"/>
        </a:defRPr>
      </a:lvl1pPr>
      <a:lvl2pPr marL="371475" algn="l" defTabSz="742950" rtl="0" eaLnBrk="1" latinLnBrk="0" hangingPunct="1">
        <a:defRPr sz="1463" kern="1200">
          <a:solidFill>
            <a:schemeClr val="tx1"/>
          </a:solidFill>
          <a:latin typeface="+mn-lt"/>
          <a:ea typeface="+mn-ea"/>
          <a:cs typeface="+mn-cs"/>
        </a:defRPr>
      </a:lvl2pPr>
      <a:lvl3pPr marL="742950" algn="l" defTabSz="742950" rtl="0" eaLnBrk="1" latinLnBrk="0" hangingPunct="1">
        <a:defRPr sz="1463" kern="1200">
          <a:solidFill>
            <a:schemeClr val="tx1"/>
          </a:solidFill>
          <a:latin typeface="+mn-lt"/>
          <a:ea typeface="+mn-ea"/>
          <a:cs typeface="+mn-cs"/>
        </a:defRPr>
      </a:lvl3pPr>
      <a:lvl4pPr marL="1114425" algn="l" defTabSz="742950" rtl="0" eaLnBrk="1" latinLnBrk="0" hangingPunct="1">
        <a:defRPr sz="1463" kern="1200">
          <a:solidFill>
            <a:schemeClr val="tx1"/>
          </a:solidFill>
          <a:latin typeface="+mn-lt"/>
          <a:ea typeface="+mn-ea"/>
          <a:cs typeface="+mn-cs"/>
        </a:defRPr>
      </a:lvl4pPr>
      <a:lvl5pPr marL="1485900" algn="l" defTabSz="742950" rtl="0" eaLnBrk="1" latinLnBrk="0" hangingPunct="1">
        <a:defRPr sz="1463" kern="1200">
          <a:solidFill>
            <a:schemeClr val="tx1"/>
          </a:solidFill>
          <a:latin typeface="+mn-lt"/>
          <a:ea typeface="+mn-ea"/>
          <a:cs typeface="+mn-cs"/>
        </a:defRPr>
      </a:lvl5pPr>
      <a:lvl6pPr marL="1857375" algn="l" defTabSz="742950" rtl="0" eaLnBrk="1" latinLnBrk="0" hangingPunct="1">
        <a:defRPr sz="1463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algn="l" defTabSz="742950" rtl="0" eaLnBrk="1" latinLnBrk="0" hangingPunct="1">
        <a:defRPr sz="1463" kern="1200">
          <a:solidFill>
            <a:schemeClr val="tx1"/>
          </a:solidFill>
          <a:latin typeface="+mn-lt"/>
          <a:ea typeface="+mn-ea"/>
          <a:cs typeface="+mn-cs"/>
        </a:defRPr>
      </a:lvl7pPr>
      <a:lvl8pPr marL="2600325" algn="l" defTabSz="742950" rtl="0" eaLnBrk="1" latinLnBrk="0" hangingPunct="1">
        <a:defRPr sz="1463" kern="1200">
          <a:solidFill>
            <a:schemeClr val="tx1"/>
          </a:solidFill>
          <a:latin typeface="+mn-lt"/>
          <a:ea typeface="+mn-ea"/>
          <a:cs typeface="+mn-cs"/>
        </a:defRPr>
      </a:lvl8pPr>
      <a:lvl9pPr marL="2971800" algn="l" defTabSz="742950" rtl="0" eaLnBrk="1" latinLnBrk="0" hangingPunct="1">
        <a:defRPr sz="1463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76" userDrawn="1">
          <p15:clr>
            <a:srgbClr val="F26B43"/>
          </p15:clr>
        </p15:guide>
        <p15:guide id="2" pos="640" userDrawn="1">
          <p15:clr>
            <a:srgbClr val="A4A4A4"/>
          </p15:clr>
        </p15:guide>
        <p15:guide id="3" orient="horz" pos="340" userDrawn="1">
          <p15:clr>
            <a:srgbClr val="F26B43"/>
          </p15:clr>
        </p15:guide>
        <p15:guide id="4" orient="horz" pos="3979" userDrawn="1">
          <p15:clr>
            <a:srgbClr val="F26B43"/>
          </p15:clr>
        </p15:guide>
        <p15:guide id="5" pos="760" userDrawn="1">
          <p15:clr>
            <a:srgbClr val="A4A4A4"/>
          </p15:clr>
        </p15:guide>
        <p15:guide id="6" pos="1124" userDrawn="1">
          <p15:clr>
            <a:srgbClr val="A4A4A4"/>
          </p15:clr>
        </p15:guide>
        <p15:guide id="7" pos="1244" userDrawn="1">
          <p15:clr>
            <a:srgbClr val="A4A4A4"/>
          </p15:clr>
        </p15:guide>
        <p15:guide id="8" pos="1608" userDrawn="1">
          <p15:clr>
            <a:srgbClr val="A4A4A4"/>
          </p15:clr>
        </p15:guide>
        <p15:guide id="9" pos="1727" userDrawn="1">
          <p15:clr>
            <a:srgbClr val="A4A4A4"/>
          </p15:clr>
        </p15:guide>
        <p15:guide id="10" pos="2092" userDrawn="1">
          <p15:clr>
            <a:srgbClr val="A4A4A4"/>
          </p15:clr>
        </p15:guide>
        <p15:guide id="11" pos="2212" userDrawn="1">
          <p15:clr>
            <a:srgbClr val="A4A4A4"/>
          </p15:clr>
        </p15:guide>
        <p15:guide id="12" pos="2576" userDrawn="1">
          <p15:clr>
            <a:srgbClr val="A4A4A4"/>
          </p15:clr>
        </p15:guide>
        <p15:guide id="13" pos="2696" userDrawn="1">
          <p15:clr>
            <a:srgbClr val="A4A4A4"/>
          </p15:clr>
        </p15:guide>
        <p15:guide id="14" pos="3060" userDrawn="1">
          <p15:clr>
            <a:srgbClr val="A4A4A4"/>
          </p15:clr>
        </p15:guide>
        <p15:guide id="15" pos="3179" userDrawn="1">
          <p15:clr>
            <a:srgbClr val="A4A4A4"/>
          </p15:clr>
        </p15:guide>
        <p15:guide id="16" pos="3543" userDrawn="1">
          <p15:clr>
            <a:srgbClr val="A4A4A4"/>
          </p15:clr>
        </p15:guide>
        <p15:guide id="17" pos="3664" userDrawn="1">
          <p15:clr>
            <a:srgbClr val="A4A4A4"/>
          </p15:clr>
        </p15:guide>
        <p15:guide id="18" pos="4028" userDrawn="1">
          <p15:clr>
            <a:srgbClr val="A4A4A4"/>
          </p15:clr>
        </p15:guide>
        <p15:guide id="19" pos="4147" userDrawn="1">
          <p15:clr>
            <a:srgbClr val="A4A4A4"/>
          </p15:clr>
        </p15:guide>
        <p15:guide id="20" pos="4512" userDrawn="1">
          <p15:clr>
            <a:srgbClr val="A4A4A4"/>
          </p15:clr>
        </p15:guide>
        <p15:guide id="21" pos="4631" userDrawn="1">
          <p15:clr>
            <a:srgbClr val="A4A4A4"/>
          </p15:clr>
        </p15:guide>
        <p15:guide id="22" pos="4995" userDrawn="1">
          <p15:clr>
            <a:srgbClr val="A4A4A4"/>
          </p15:clr>
        </p15:guide>
        <p15:guide id="23" pos="5116" userDrawn="1">
          <p15:clr>
            <a:srgbClr val="A4A4A4"/>
          </p15:clr>
        </p15:guide>
        <p15:guide id="24" pos="5480" userDrawn="1">
          <p15:clr>
            <a:srgbClr val="A4A4A4"/>
          </p15:clr>
        </p15:guide>
        <p15:guide id="25" pos="5599" userDrawn="1">
          <p15:clr>
            <a:srgbClr val="A4A4A4"/>
          </p15:clr>
        </p15:guide>
        <p15:guide id="26" pos="5963" userDrawn="1">
          <p15:clr>
            <a:srgbClr val="F26B43"/>
          </p15:clr>
        </p15:guide>
        <p15:guide id="27" orient="horz" pos="1065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7.xml"/><Relationship Id="rId4" Type="http://schemas.openxmlformats.org/officeDocument/2006/relationships/image" Target="../media/image22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38.png"/><Relationship Id="rId5" Type="http://schemas.openxmlformats.org/officeDocument/2006/relationships/hyperlink" Target="https://storymaps.arcgis.com/stories/1ee5968337994b0da4f51181aa83bd51" TargetMode="External"/><Relationship Id="rId4" Type="http://schemas.openxmlformats.org/officeDocument/2006/relationships/image" Target="../media/image37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38.png"/><Relationship Id="rId5" Type="http://schemas.openxmlformats.org/officeDocument/2006/relationships/image" Target="../media/image39.png"/><Relationship Id="rId4" Type="http://schemas.openxmlformats.org/officeDocument/2006/relationships/hyperlink" Target="https://storymaps.arcgis.com/stories/1ee5968337994b0da4f51181aa83bd51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7.xml"/><Relationship Id="rId4" Type="http://schemas.openxmlformats.org/officeDocument/2006/relationships/hyperlink" Target="https://safeswim.org.nz/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7.xml"/><Relationship Id="rId4" Type="http://schemas.openxmlformats.org/officeDocument/2006/relationships/hyperlink" Target="https://www.thameswater.co.uk/edm-map#storm-discharge-map" TargetMode="Externa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7.xml"/><Relationship Id="rId5" Type="http://schemas.openxmlformats.org/officeDocument/2006/relationships/image" Target="../media/image28.png"/><Relationship Id="rId4" Type="http://schemas.openxmlformats.org/officeDocument/2006/relationships/hyperlink" Target="https://theriverstrust.org/big-river-watch-data-explorer" TargetMode="External"/></Relationships>
</file>

<file path=ppt/slides/_rels/slide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37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5" Type="http://schemas.openxmlformats.org/officeDocument/2006/relationships/image" Target="../media/image31.png"/><Relationship Id="rId4" Type="http://schemas.openxmlformats.org/officeDocument/2006/relationships/hyperlink" Target="https://cdmo.baruch.sc.edu/dges/" TargetMode="Externa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7.xml"/><Relationship Id="rId4" Type="http://schemas.openxmlformats.org/officeDocument/2006/relationships/image" Target="../media/image33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3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3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2A556548-4265-B521-F042-F84A4C5297DC}"/>
              </a:ext>
            </a:extLst>
          </p:cNvPr>
          <p:cNvSpPr/>
          <p:nvPr/>
        </p:nvSpPr>
        <p:spPr>
          <a:xfrm>
            <a:off x="6037994" y="5295192"/>
            <a:ext cx="3876552" cy="1564909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1600" noProof="0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C050FEB7-5AC1-39D6-9DF1-DBE6D65DF07C}"/>
              </a:ext>
            </a:extLst>
          </p:cNvPr>
          <p:cNvSpPr/>
          <p:nvPr/>
        </p:nvSpPr>
        <p:spPr>
          <a:xfrm>
            <a:off x="0" y="1359876"/>
            <a:ext cx="2586892" cy="5498124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1600" noProof="0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D76789EE-06DE-56B5-1111-FDE92E558132}"/>
              </a:ext>
            </a:extLst>
          </p:cNvPr>
          <p:cNvSpPr/>
          <p:nvPr/>
        </p:nvSpPr>
        <p:spPr>
          <a:xfrm>
            <a:off x="4728307" y="-14995"/>
            <a:ext cx="1836615" cy="246184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1600" noProof="0" dirty="0"/>
          </a:p>
        </p:txBody>
      </p:sp>
      <p:pic>
        <p:nvPicPr>
          <p:cNvPr id="5" name="Picture Placeholder 4" descr="Aerial photo of the river flowing through the forest">
            <a:extLst>
              <a:ext uri="{FF2B5EF4-FFF2-40B4-BE49-F238E27FC236}">
                <a16:creationId xmlns:a16="http://schemas.microsoft.com/office/drawing/2014/main" id="{96A335BF-1DDD-AECF-1040-1C31A4E8D5D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artisticPencilSketch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6785" b="26785"/>
          <a:stretch/>
        </p:blipFill>
        <p:spPr>
          <a:xfrm>
            <a:off x="438750" y="2824487"/>
            <a:ext cx="9467250" cy="3296793"/>
          </a:xfrm>
          <a:custGeom>
            <a:avLst/>
            <a:gdLst>
              <a:gd name="connsiteX0" fmla="*/ 1244859 w 11614541"/>
              <a:gd name="connsiteY0" fmla="*/ 0 h 3286194"/>
              <a:gd name="connsiteX1" fmla="*/ 3530657 w 11614541"/>
              <a:gd name="connsiteY1" fmla="*/ 0 h 3286194"/>
              <a:gd name="connsiteX2" fmla="*/ 4441618 w 11614541"/>
              <a:gd name="connsiteY2" fmla="*/ 910961 h 3286194"/>
              <a:gd name="connsiteX3" fmla="*/ 4441618 w 11614541"/>
              <a:gd name="connsiteY3" fmla="*/ 0 h 3286194"/>
              <a:gd name="connsiteX4" fmla="*/ 7979419 w 11614541"/>
              <a:gd name="connsiteY4" fmla="*/ 0 h 3286194"/>
              <a:gd name="connsiteX5" fmla="*/ 7979512 w 11614541"/>
              <a:gd name="connsiteY5" fmla="*/ 0 h 3286194"/>
              <a:gd name="connsiteX6" fmla="*/ 11614541 w 11614541"/>
              <a:gd name="connsiteY6" fmla="*/ 0 h 3286194"/>
              <a:gd name="connsiteX7" fmla="*/ 11614541 w 11614541"/>
              <a:gd name="connsiteY7" fmla="*/ 3286102 h 3286194"/>
              <a:gd name="connsiteX8" fmla="*/ 9078343 w 11614541"/>
              <a:gd name="connsiteY8" fmla="*/ 3286102 h 3286194"/>
              <a:gd name="connsiteX9" fmla="*/ 7988697 w 11614541"/>
              <a:gd name="connsiteY9" fmla="*/ 2330238 h 3286194"/>
              <a:gd name="connsiteX10" fmla="*/ 7988697 w 11614541"/>
              <a:gd name="connsiteY10" fmla="*/ 3286194 h 3286194"/>
              <a:gd name="connsiteX11" fmla="*/ 574929 w 11614541"/>
              <a:gd name="connsiteY11" fmla="*/ 3286194 h 3286194"/>
              <a:gd name="connsiteX12" fmla="*/ 0 w 11614541"/>
              <a:gd name="connsiteY12" fmla="*/ 2711266 h 3286194"/>
              <a:gd name="connsiteX13" fmla="*/ 0 w 11614541"/>
              <a:gd name="connsiteY13" fmla="*/ 1244581 h 32861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11614541" h="3286194">
                <a:moveTo>
                  <a:pt x="1244859" y="0"/>
                </a:moveTo>
                <a:lnTo>
                  <a:pt x="3530657" y="0"/>
                </a:lnTo>
                <a:cubicBezTo>
                  <a:pt x="4033778" y="0"/>
                  <a:pt x="4441618" y="407840"/>
                  <a:pt x="4441618" y="910961"/>
                </a:cubicBezTo>
                <a:lnTo>
                  <a:pt x="4441618" y="0"/>
                </a:lnTo>
                <a:cubicBezTo>
                  <a:pt x="4441618" y="0"/>
                  <a:pt x="7979419" y="0"/>
                  <a:pt x="7979419" y="0"/>
                </a:cubicBezTo>
                <a:lnTo>
                  <a:pt x="7979512" y="0"/>
                </a:lnTo>
                <a:lnTo>
                  <a:pt x="11614541" y="0"/>
                </a:lnTo>
                <a:cubicBezTo>
                  <a:pt x="11614541" y="0"/>
                  <a:pt x="11614541" y="3286102"/>
                  <a:pt x="11614541" y="3286102"/>
                </a:cubicBezTo>
                <a:lnTo>
                  <a:pt x="9078343" y="3286102"/>
                </a:lnTo>
                <a:cubicBezTo>
                  <a:pt x="8519928" y="3286102"/>
                  <a:pt x="8058835" y="2869540"/>
                  <a:pt x="7988697" y="2330238"/>
                </a:cubicBezTo>
                <a:lnTo>
                  <a:pt x="7988697" y="3286194"/>
                </a:lnTo>
                <a:lnTo>
                  <a:pt x="574929" y="3286194"/>
                </a:lnTo>
                <a:cubicBezTo>
                  <a:pt x="257359" y="3286194"/>
                  <a:pt x="0" y="3028743"/>
                  <a:pt x="0" y="2711266"/>
                </a:cubicBezTo>
                <a:lnTo>
                  <a:pt x="0" y="1244581"/>
                </a:lnTo>
                <a:close/>
              </a:path>
            </a:pathLst>
          </a:cu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D82458F6-9363-7051-CC50-08FA009A0295}"/>
              </a:ext>
            </a:extLst>
          </p:cNvPr>
          <p:cNvSpPr txBox="1"/>
          <p:nvPr/>
        </p:nvSpPr>
        <p:spPr>
          <a:xfrm>
            <a:off x="109170" y="1715598"/>
            <a:ext cx="8280087" cy="492443"/>
          </a:xfrm>
          <a:prstGeom prst="rect">
            <a:avLst/>
          </a:prstGeom>
          <a:noFill/>
        </p:spPr>
        <p:txBody>
          <a:bodyPr wrap="none" lIns="0" tIns="0" rIns="0" bIns="0" rtlCol="0" anchor="t">
            <a:spAutoFit/>
          </a:bodyPr>
          <a:lstStyle/>
          <a:p>
            <a:r>
              <a:rPr lang="en-GB" sz="3200" b="1" dirty="0">
                <a:solidFill>
                  <a:srgbClr val="006DB7"/>
                </a:solidFill>
              </a:rPr>
              <a:t>Visualising a river to support a community</a:t>
            </a:r>
          </a:p>
        </p:txBody>
      </p:sp>
      <p:pic>
        <p:nvPicPr>
          <p:cNvPr id="6" name="Picture 5" descr="Scottish Water logo">
            <a:extLst>
              <a:ext uri="{FF2B5EF4-FFF2-40B4-BE49-F238E27FC236}">
                <a16:creationId xmlns:a16="http://schemas.microsoft.com/office/drawing/2014/main" id="{E6814131-E075-B009-5BCC-2139513ABC5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1300" y="193675"/>
            <a:ext cx="2232025" cy="10175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324607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B916F1C-BE3A-98F9-237C-F1DCFA89F3D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5046" y="0"/>
            <a:ext cx="6346092" cy="3853761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4CB576EA-FBAB-A64C-D961-B77B30E9AC38}"/>
              </a:ext>
            </a:extLst>
          </p:cNvPr>
          <p:cNvSpPr txBox="1"/>
          <p:nvPr/>
        </p:nvSpPr>
        <p:spPr>
          <a:xfrm>
            <a:off x="6703174" y="189132"/>
            <a:ext cx="2962349" cy="85969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An ArcGIS story approach</a:t>
            </a:r>
            <a:endParaRPr lang="en-GB" sz="105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1374B641-E94A-9098-C916-5C446D63BDE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576" y="2627949"/>
            <a:ext cx="6458562" cy="436682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1A14EE80-5F5A-0FFA-716A-8B83AC825EB0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9544" t="66214" r="33683"/>
          <a:stretch>
            <a:fillRect/>
          </a:stretch>
        </p:blipFill>
        <p:spPr>
          <a:xfrm>
            <a:off x="2766646" y="1976930"/>
            <a:ext cx="3602893" cy="1302038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4480712C-AF22-1959-8259-F5FAA006457B}"/>
              </a:ext>
            </a:extLst>
          </p:cNvPr>
          <p:cNvSpPr txBox="1"/>
          <p:nvPr/>
        </p:nvSpPr>
        <p:spPr>
          <a:xfrm>
            <a:off x="6703174" y="5131796"/>
            <a:ext cx="3077780" cy="67246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r>
              <a:rPr lang="en-GB" sz="1600" dirty="0">
                <a:hlinkClick r:id="rId5"/>
              </a:rPr>
              <a:t>Tijuana River</a:t>
            </a:r>
            <a:r>
              <a:rPr lang="en-GB" sz="1600" dirty="0"/>
              <a:t> 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09BB21C0-AB24-5701-9EB6-B07DD03E4FC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804366" y="5883993"/>
            <a:ext cx="861156" cy="8714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9265132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438DC5-A381-80C4-A1DF-BE92D835AB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934E3F6-7669-1FB9-DA78-216948184410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b="35597"/>
          <a:stretch>
            <a:fillRect/>
          </a:stretch>
        </p:blipFill>
        <p:spPr>
          <a:xfrm>
            <a:off x="125046" y="0"/>
            <a:ext cx="6346092" cy="2481943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39435793-ECD2-A506-2251-13F149EAE568}"/>
              </a:ext>
            </a:extLst>
          </p:cNvPr>
          <p:cNvSpPr txBox="1"/>
          <p:nvPr/>
        </p:nvSpPr>
        <p:spPr>
          <a:xfrm>
            <a:off x="6703174" y="189132"/>
            <a:ext cx="2962349" cy="85969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An ArcGIS story approach</a:t>
            </a:r>
            <a:endParaRPr lang="en-GB" sz="1050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4EACA89-1CD3-CE73-F1E3-7309A365C8A4}"/>
              </a:ext>
            </a:extLst>
          </p:cNvPr>
          <p:cNvSpPr txBox="1"/>
          <p:nvPr/>
        </p:nvSpPr>
        <p:spPr>
          <a:xfrm>
            <a:off x="6703174" y="5131796"/>
            <a:ext cx="3077780" cy="67246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r>
              <a:rPr lang="en-GB" sz="1600" dirty="0">
                <a:hlinkClick r:id="rId4"/>
              </a:rPr>
              <a:t>Tijuana River</a:t>
            </a:r>
            <a:r>
              <a:rPr lang="en-GB" sz="1600" dirty="0"/>
              <a:t> 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5AE9BFC-66C5-B7F4-1F28-EF3E09565F3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6808" y="2506330"/>
            <a:ext cx="6384330" cy="432138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B65ECE81-A00E-3EAE-23F4-2A8D28B761E7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9544" t="66214" r="33683"/>
          <a:stretch>
            <a:fillRect/>
          </a:stretch>
        </p:blipFill>
        <p:spPr>
          <a:xfrm>
            <a:off x="2750353" y="1830322"/>
            <a:ext cx="3602893" cy="1302038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F78A81F7-334A-B577-440F-D00DFD3B80B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804366" y="5883993"/>
            <a:ext cx="861156" cy="8714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474586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85FF7C8-8B78-B4E8-B59E-76AF4B004951}"/>
              </a:ext>
            </a:extLst>
          </p:cNvPr>
          <p:cNvSpPr txBox="1"/>
          <p:nvPr/>
        </p:nvSpPr>
        <p:spPr>
          <a:xfrm>
            <a:off x="368216" y="304731"/>
            <a:ext cx="6539033" cy="30777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GB" sz="2000" dirty="0">
                <a:cs typeface="Arial"/>
              </a:rPr>
              <a:t>New Zealand </a:t>
            </a:r>
            <a:r>
              <a:rPr lang="en-GB" sz="2000" dirty="0" err="1">
                <a:cs typeface="Arial"/>
              </a:rPr>
              <a:t>WaterCare</a:t>
            </a:r>
            <a:endParaRPr lang="en-GB" sz="2000" dirty="0" err="1"/>
          </a:p>
        </p:txBody>
      </p:sp>
      <p:pic>
        <p:nvPicPr>
          <p:cNvPr id="4" name="Picture 3" descr="A map of a city&#10;&#10;AI-generated content may be incorrect.">
            <a:extLst>
              <a:ext uri="{FF2B5EF4-FFF2-40B4-BE49-F238E27FC236}">
                <a16:creationId xmlns:a16="http://schemas.microsoft.com/office/drawing/2014/main" id="{E0017296-0091-7483-2ED3-836CA69A61B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174984"/>
            <a:ext cx="9903726" cy="4508032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8290E44B-A0AD-8516-0C91-4B3EB57874C7}"/>
              </a:ext>
            </a:extLst>
          </p:cNvPr>
          <p:cNvSpPr txBox="1"/>
          <p:nvPr/>
        </p:nvSpPr>
        <p:spPr>
          <a:xfrm>
            <a:off x="6703174" y="189132"/>
            <a:ext cx="2962349" cy="85969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Map-based real-time alerts</a:t>
            </a:r>
            <a:endParaRPr lang="en-GB" sz="1050" dirty="0"/>
          </a:p>
        </p:txBody>
      </p:sp>
      <p:pic>
        <p:nvPicPr>
          <p:cNvPr id="6" name="Picture 5" descr="A qr code with black squares&#10;&#10;AI-generated content may be incorrect.">
            <a:extLst>
              <a:ext uri="{FF2B5EF4-FFF2-40B4-BE49-F238E27FC236}">
                <a16:creationId xmlns:a16="http://schemas.microsoft.com/office/drawing/2014/main" id="{C7B0C266-0555-04C7-D689-8B0E8130EB8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745886" y="5835475"/>
            <a:ext cx="905085" cy="91461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ECD70B0F-4C19-0909-C4CB-AA99338F34B5}"/>
              </a:ext>
            </a:extLst>
          </p:cNvPr>
          <p:cNvSpPr txBox="1"/>
          <p:nvPr/>
        </p:nvSpPr>
        <p:spPr>
          <a:xfrm>
            <a:off x="5572734" y="5832956"/>
            <a:ext cx="2962349" cy="85969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>
                <a:ea typeface="+mn-lt"/>
                <a:cs typeface="+mn-lt"/>
                <a:hlinkClick r:id="rId4"/>
              </a:rPr>
              <a:t>https://safeswim.org.nz/</a:t>
            </a:r>
            <a:endParaRPr lang="en-GB" sz="1600"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0461858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3C95078E-5FE1-2D8D-7F84-171FDD3026F6}"/>
              </a:ext>
            </a:extLst>
          </p:cNvPr>
          <p:cNvSpPr txBox="1"/>
          <p:nvPr/>
        </p:nvSpPr>
        <p:spPr>
          <a:xfrm>
            <a:off x="368217" y="228548"/>
            <a:ext cx="4380517" cy="30777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GB" sz="2000" dirty="0">
                <a:cs typeface="Arial"/>
              </a:rPr>
              <a:t>Thames Water Overflow</a:t>
            </a:r>
            <a:endParaRPr lang="en-GB" sz="2000" dirty="0" err="1"/>
          </a:p>
        </p:txBody>
      </p:sp>
      <p:pic>
        <p:nvPicPr>
          <p:cNvPr id="3" name="Picture 2" descr="A map with green and orange dots&#10;&#10;AI-generated content may be incorrect.">
            <a:extLst>
              <a:ext uri="{FF2B5EF4-FFF2-40B4-BE49-F238E27FC236}">
                <a16:creationId xmlns:a16="http://schemas.microsoft.com/office/drawing/2014/main" id="{7DC9E2D1-9EBD-9926-0BD8-93902227B46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859047"/>
            <a:ext cx="9903726" cy="5139906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E0291095-3555-08E8-9E1E-2D9085ABC643}"/>
              </a:ext>
            </a:extLst>
          </p:cNvPr>
          <p:cNvSpPr txBox="1"/>
          <p:nvPr/>
        </p:nvSpPr>
        <p:spPr>
          <a:xfrm>
            <a:off x="6703174" y="189132"/>
            <a:ext cx="2962349" cy="85969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Map-based overflow alerts</a:t>
            </a:r>
            <a:endParaRPr lang="en-GB" sz="1050" dirty="0"/>
          </a:p>
        </p:txBody>
      </p:sp>
      <p:pic>
        <p:nvPicPr>
          <p:cNvPr id="6" name="Picture 5" descr="A qr code on a white background&#10;&#10;AI-generated content may be incorrect.">
            <a:extLst>
              <a:ext uri="{FF2B5EF4-FFF2-40B4-BE49-F238E27FC236}">
                <a16:creationId xmlns:a16="http://schemas.microsoft.com/office/drawing/2014/main" id="{6EFC507F-AF52-F6B4-7F04-94D2E09483D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900757" y="6007635"/>
            <a:ext cx="753342" cy="772459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455C6273-36D5-DC04-D581-A5A59CFF907E}"/>
              </a:ext>
            </a:extLst>
          </p:cNvPr>
          <p:cNvSpPr txBox="1"/>
          <p:nvPr/>
        </p:nvSpPr>
        <p:spPr>
          <a:xfrm>
            <a:off x="5783602" y="6062845"/>
            <a:ext cx="2962349" cy="659634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>
                <a:ea typeface="+mn-lt"/>
                <a:cs typeface="+mn-lt"/>
                <a:hlinkClick r:id="rId4"/>
              </a:rPr>
              <a:t>https://www.thameswater.co.uk/edm-map#storm-discharge-map</a:t>
            </a:r>
            <a:endParaRPr lang="en-GB" sz="1600"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63118959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C4EC9C5F-0E80-F11E-757C-A48F09E7813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3063"/>
            <a:ext cx="7661805" cy="6858000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8FD12803-9133-4CF9-B905-DDBC4768A0A9}"/>
              </a:ext>
            </a:extLst>
          </p:cNvPr>
          <p:cNvSpPr txBox="1"/>
          <p:nvPr/>
        </p:nvSpPr>
        <p:spPr>
          <a:xfrm>
            <a:off x="7733820" y="311052"/>
            <a:ext cx="2123900" cy="85969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Standard dashboard</a:t>
            </a:r>
            <a:endParaRPr lang="en-GB" sz="105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CC70AE-937C-CCE4-CB3C-17B86D15C918}"/>
              </a:ext>
            </a:extLst>
          </p:cNvPr>
          <p:cNvSpPr txBox="1"/>
          <p:nvPr/>
        </p:nvSpPr>
        <p:spPr>
          <a:xfrm>
            <a:off x="7694476" y="4822646"/>
            <a:ext cx="2206660" cy="959845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r>
              <a:rPr lang="en-GB" sz="1600" dirty="0">
                <a:hlinkClick r:id="rId4"/>
              </a:rPr>
              <a:t>Big River Watch Data Explorer | The Rivers Trust</a:t>
            </a:r>
            <a:endParaRPr lang="en-GB" sz="16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B9E017DF-90E9-4FBF-5A41-5C9DA47F59D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39013" y="5904411"/>
            <a:ext cx="835629" cy="8316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578432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0E002F50-6571-9C11-EAB3-79575F4D9597}"/>
              </a:ext>
            </a:extLst>
          </p:cNvPr>
          <p:cNvSpPr txBox="1"/>
          <p:nvPr/>
        </p:nvSpPr>
        <p:spPr>
          <a:xfrm>
            <a:off x="495188" y="292034"/>
            <a:ext cx="4444179" cy="30777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GB" sz="2000" dirty="0">
                <a:cs typeface="Arial"/>
              </a:rPr>
              <a:t>River </a:t>
            </a:r>
            <a:r>
              <a:rPr lang="en-GB" sz="2000" dirty="0" err="1">
                <a:cs typeface="Arial"/>
              </a:rPr>
              <a:t>Stiffkey</a:t>
            </a:r>
            <a:r>
              <a:rPr lang="en-GB" sz="2000" dirty="0">
                <a:cs typeface="Arial"/>
              </a:rPr>
              <a:t> – Anglian Water</a:t>
            </a:r>
            <a:endParaRPr lang="en-GB" sz="2000" dirty="0" err="1"/>
          </a:p>
        </p:txBody>
      </p:sp>
      <p:pic>
        <p:nvPicPr>
          <p:cNvPr id="3" name="Picture 2" descr="A screenshot of a computer&#10;&#10;AI-generated content may be incorrect.">
            <a:extLst>
              <a:ext uri="{FF2B5EF4-FFF2-40B4-BE49-F238E27FC236}">
                <a16:creationId xmlns:a16="http://schemas.microsoft.com/office/drawing/2014/main" id="{ADBBEB22-57D0-77C2-B63F-3D80226947C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contrast="5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0" y="721656"/>
            <a:ext cx="9903726" cy="5946950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5AB0628C-624B-0F14-2BD6-A73332B0C72A}"/>
              </a:ext>
            </a:extLst>
          </p:cNvPr>
          <p:cNvSpPr txBox="1"/>
          <p:nvPr/>
        </p:nvSpPr>
        <p:spPr>
          <a:xfrm>
            <a:off x="7661805" y="175025"/>
            <a:ext cx="2123900" cy="85969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Standard dashboard</a:t>
            </a:r>
            <a:endParaRPr lang="en-GB" sz="1050" dirty="0"/>
          </a:p>
        </p:txBody>
      </p:sp>
    </p:spTree>
    <p:extLst>
      <p:ext uri="{BB962C8B-B14F-4D97-AF65-F5344CB8AC3E}">
        <p14:creationId xmlns:p14="http://schemas.microsoft.com/office/powerpoint/2010/main" val="3851918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2CB73F8-8787-7263-B0F7-F12CE8D5A11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6401" y="95793"/>
            <a:ext cx="7148985" cy="6291943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A1810201-CC54-B273-8C71-09EDBB6E6998}"/>
              </a:ext>
            </a:extLst>
          </p:cNvPr>
          <p:cNvSpPr txBox="1"/>
          <p:nvPr/>
        </p:nvSpPr>
        <p:spPr>
          <a:xfrm>
            <a:off x="7541623" y="189132"/>
            <a:ext cx="2123900" cy="859692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Choose-your-own data</a:t>
            </a:r>
            <a:endParaRPr lang="en-GB" sz="105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4184B7D-3109-6A7F-94D6-9DBA3083C4AB}"/>
              </a:ext>
            </a:extLst>
          </p:cNvPr>
          <p:cNvSpPr txBox="1"/>
          <p:nvPr/>
        </p:nvSpPr>
        <p:spPr>
          <a:xfrm>
            <a:off x="7574294" y="4874898"/>
            <a:ext cx="2206660" cy="959845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r>
              <a:rPr lang="en-GB" sz="1600" dirty="0">
                <a:hlinkClick r:id="rId4"/>
              </a:rPr>
              <a:t>Centralized Data Management Office | Data Export System</a:t>
            </a:r>
            <a:endParaRPr lang="en-GB" sz="16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F8E016A-8CDF-7A68-574F-15022204F5C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758450" y="5857232"/>
            <a:ext cx="907073" cy="9164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8113896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6EAEF6E-8722-F78C-152C-6A0B6037767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3304" y="0"/>
            <a:ext cx="7999391" cy="5921829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760754A8-3939-FEEF-9D17-178F61A277C9}"/>
              </a:ext>
            </a:extLst>
          </p:cNvPr>
          <p:cNvSpPr txBox="1"/>
          <p:nvPr/>
        </p:nvSpPr>
        <p:spPr>
          <a:xfrm>
            <a:off x="4058274" y="603458"/>
            <a:ext cx="2468515" cy="665425"/>
          </a:xfrm>
          <a:prstGeom prst="wedgeRoundRectCallout">
            <a:avLst>
              <a:gd name="adj1" fmla="val -21127"/>
              <a:gd name="adj2" fmla="val -95423"/>
              <a:gd name="adj3" fmla="val 16667"/>
            </a:avLst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Dashboard page</a:t>
            </a:r>
            <a:endParaRPr lang="en-GB" sz="105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BCB3AB9-D6E6-2D9C-C124-2E2598D96CB9}"/>
              </a:ext>
            </a:extLst>
          </p:cNvPr>
          <p:cNvSpPr txBox="1"/>
          <p:nvPr/>
        </p:nvSpPr>
        <p:spPr>
          <a:xfrm>
            <a:off x="317159" y="5694005"/>
            <a:ext cx="2123900" cy="966240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Web page approach</a:t>
            </a:r>
            <a:endParaRPr lang="en-GB" sz="1050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8A224E8-2CDB-7153-D755-7A11ADCB1D15}"/>
              </a:ext>
            </a:extLst>
          </p:cNvPr>
          <p:cNvSpPr txBox="1"/>
          <p:nvPr/>
        </p:nvSpPr>
        <p:spPr>
          <a:xfrm>
            <a:off x="6288552" y="5643930"/>
            <a:ext cx="2206660" cy="1016315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r>
              <a:rPr lang="en-GB" sz="1600" dirty="0"/>
              <a:t>https://riverhub.co.uk/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97F6868-8609-BC84-2653-7E702263929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648291" y="5587458"/>
            <a:ext cx="1098089" cy="10727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351344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E22C3BA-C91E-1D68-F6B9-E07048BEDD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8DD280F8-8AE9-5ADE-ECCE-1C594ED3540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33845" y="0"/>
            <a:ext cx="8238309" cy="5864111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A6157D6A-4978-1159-ED1A-8A43C8674DEC}"/>
              </a:ext>
            </a:extLst>
          </p:cNvPr>
          <p:cNvSpPr txBox="1"/>
          <p:nvPr/>
        </p:nvSpPr>
        <p:spPr>
          <a:xfrm>
            <a:off x="4952999" y="661176"/>
            <a:ext cx="2468515" cy="665425"/>
          </a:xfrm>
          <a:prstGeom prst="wedgeRoundRectCallout">
            <a:avLst>
              <a:gd name="adj1" fmla="val -21127"/>
              <a:gd name="adj2" fmla="val -95423"/>
              <a:gd name="adj3" fmla="val 16667"/>
            </a:avLst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Analysis page</a:t>
            </a:r>
            <a:endParaRPr lang="en-GB" sz="105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968E426-425E-2538-E521-221797BCB1F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648291" y="5587458"/>
            <a:ext cx="1098089" cy="1072787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E5051282-735C-0FA4-AA97-AF03FA6E5E56}"/>
              </a:ext>
            </a:extLst>
          </p:cNvPr>
          <p:cNvSpPr txBox="1"/>
          <p:nvPr/>
        </p:nvSpPr>
        <p:spPr>
          <a:xfrm>
            <a:off x="317159" y="5694005"/>
            <a:ext cx="2123900" cy="966240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Web page approach</a:t>
            </a:r>
            <a:endParaRPr lang="en-GB" sz="105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33AF62-C68C-A2BA-4976-143EA9C47E33}"/>
              </a:ext>
            </a:extLst>
          </p:cNvPr>
          <p:cNvSpPr txBox="1"/>
          <p:nvPr/>
        </p:nvSpPr>
        <p:spPr>
          <a:xfrm>
            <a:off x="6288552" y="5643930"/>
            <a:ext cx="2206660" cy="1016315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r>
              <a:rPr lang="en-GB" sz="1600" dirty="0"/>
              <a:t>https://riverhub.co.uk/</a:t>
            </a:r>
          </a:p>
        </p:txBody>
      </p:sp>
    </p:spTree>
    <p:extLst>
      <p:ext uri="{BB962C8B-B14F-4D97-AF65-F5344CB8AC3E}">
        <p14:creationId xmlns:p14="http://schemas.microsoft.com/office/powerpoint/2010/main" val="375335261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E728138-C9A6-1C1D-B39E-C5F718770BC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0E97DBF-2E46-9DAA-F4A9-42E789019B5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1255" y="0"/>
            <a:ext cx="7747036" cy="5864111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9CEBE4C1-25E0-C6FE-96AD-CCEF812C099A}"/>
              </a:ext>
            </a:extLst>
          </p:cNvPr>
          <p:cNvSpPr txBox="1"/>
          <p:nvPr/>
        </p:nvSpPr>
        <p:spPr>
          <a:xfrm>
            <a:off x="6179776" y="661176"/>
            <a:ext cx="2468515" cy="665425"/>
          </a:xfrm>
          <a:prstGeom prst="wedgeRoundRectCallout">
            <a:avLst>
              <a:gd name="adj1" fmla="val -21127"/>
              <a:gd name="adj2" fmla="val -95423"/>
              <a:gd name="adj3" fmla="val 16667"/>
            </a:avLst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Contributing factors page</a:t>
            </a:r>
            <a:endParaRPr lang="en-GB" sz="105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60BBA4E9-3EF2-9540-83E1-63CD7898D39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648291" y="5587458"/>
            <a:ext cx="1098089" cy="1072787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041F84FF-EF62-0CE8-C9B4-CE86C963F851}"/>
              </a:ext>
            </a:extLst>
          </p:cNvPr>
          <p:cNvSpPr txBox="1"/>
          <p:nvPr/>
        </p:nvSpPr>
        <p:spPr>
          <a:xfrm>
            <a:off x="317159" y="5694005"/>
            <a:ext cx="2123900" cy="966240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1600" dirty="0"/>
              <a:t>Web page approach</a:t>
            </a:r>
            <a:endParaRPr lang="en-GB" sz="105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FCD4826-B8EE-100D-5C91-320BDD7F4B81}"/>
              </a:ext>
            </a:extLst>
          </p:cNvPr>
          <p:cNvSpPr txBox="1"/>
          <p:nvPr/>
        </p:nvSpPr>
        <p:spPr>
          <a:xfrm>
            <a:off x="6288552" y="5643930"/>
            <a:ext cx="2206660" cy="1016315"/>
          </a:xfrm>
          <a:prstGeom prst="roundRect">
            <a:avLst/>
          </a:prstGeom>
          <a:solidFill>
            <a:schemeClr val="bg1"/>
          </a:solidFill>
          <a:ln w="19050">
            <a:solidFill>
              <a:srgbClr val="12609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r>
              <a:rPr lang="en-GB" sz="1600" dirty="0"/>
              <a:t>https://riverhub.co.uk/</a:t>
            </a:r>
          </a:p>
        </p:txBody>
      </p:sp>
    </p:spTree>
    <p:extLst>
      <p:ext uri="{BB962C8B-B14F-4D97-AF65-F5344CB8AC3E}">
        <p14:creationId xmlns:p14="http://schemas.microsoft.com/office/powerpoint/2010/main" val="2019694420"/>
      </p:ext>
    </p:extLst>
  </p:cSld>
  <p:clrMapOvr>
    <a:masterClrMapping/>
  </p:clrMapOvr>
</p:sld>
</file>

<file path=ppt/theme/theme1.xml><?xml version="1.0" encoding="utf-8"?>
<a:theme xmlns:a="http://schemas.openxmlformats.org/drawingml/2006/main" name="Mott MacDonald Template 2025">
  <a:themeElements>
    <a:clrScheme name="MM Purple 2025">
      <a:dk1>
        <a:srgbClr val="000000"/>
      </a:dk1>
      <a:lt1>
        <a:srgbClr val="FFFFFF"/>
      </a:lt1>
      <a:dk2>
        <a:srgbClr val="8254FD"/>
      </a:dk2>
      <a:lt2>
        <a:srgbClr val="EBEBEB"/>
      </a:lt2>
      <a:accent1>
        <a:srgbClr val="8254FD"/>
      </a:accent1>
      <a:accent2>
        <a:srgbClr val="03BFBF"/>
      </a:accent2>
      <a:accent3>
        <a:srgbClr val="0097FF"/>
      </a:accent3>
      <a:accent4>
        <a:srgbClr val="9AD248"/>
      </a:accent4>
      <a:accent5>
        <a:srgbClr val="FFD41C"/>
      </a:accent5>
      <a:accent6>
        <a:srgbClr val="FF6707"/>
      </a:accent6>
      <a:hlink>
        <a:srgbClr val="000000"/>
      </a:hlink>
      <a:folHlink>
        <a:srgbClr val="000000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1600"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MM PURPLE (Primary)">
      <a:srgbClr val="8254FD"/>
    </a:custClr>
    <a:custClr name="MM TURQUOISE (Primary)">
      <a:srgbClr val="03BFB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MM BLUE (Secondary)">
      <a:srgbClr val="0097FF"/>
    </a:custClr>
    <a:custClr name="MM GREEN (Secondary)">
      <a:srgbClr val="9AD248"/>
    </a:custClr>
    <a:custClr name="MM YELLOW (Secondary)">
      <a:srgbClr val="FFD41C"/>
    </a:custClr>
    <a:custClr name="MM ORANGE (Secondary)">
      <a:srgbClr val="FF6707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MM WHITE (Neutral)">
      <a:srgbClr val="FFFFFF"/>
    </a:custClr>
    <a:custClr name="MM STONE (Neutral)">
      <a:srgbClr val="EBEBEB"/>
    </a:custClr>
    <a:custClr name="MM BLACK (Neutral)">
      <a:srgbClr val="000000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MM U GREEN (Utility) ">
      <a:srgbClr val="41AC4C"/>
    </a:custClr>
    <a:custClr name="MM U YELLOW (Utility) ">
      <a:srgbClr val="F8A200"/>
    </a:custClr>
    <a:custClr name="MM U RED (Utility) ">
      <a:srgbClr val="E42925"/>
    </a:custClr>
    <a:custClr name="MM U DARK RED (Utility) ">
      <a:srgbClr val="87141E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MottMac Template 2025.potx" id="{CBB38B85-1470-456B-810F-50C7443EC8F7}" vid="{8DFB95E2-BB27-4B32-9FCB-744AF79DFC60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MM PURPLE (Primary)">
      <a:srgbClr val="8254FD"/>
    </a:custClr>
    <a:custClr name="MM TURQUOISE (Primary)">
      <a:srgbClr val="03BFB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MM BLUE (Secondary)">
      <a:srgbClr val="0097FF"/>
    </a:custClr>
    <a:custClr name="MM GREEN (Secondary)">
      <a:srgbClr val="9AD248"/>
    </a:custClr>
    <a:custClr name="MM YELLOW (Secondary)">
      <a:srgbClr val="FFD41C"/>
    </a:custClr>
    <a:custClr name="MM ORANGE (Secondary)">
      <a:srgbClr val="FF6707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MM WHITE (Neutral)">
      <a:srgbClr val="FFFFFF"/>
    </a:custClr>
    <a:custClr name="MM STONE (Neutral)">
      <a:srgbClr val="EBEBEB"/>
    </a:custClr>
    <a:custClr name="MM BLACK (Neutral)">
      <a:srgbClr val="000000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MM U GREEN (Utility) ">
      <a:srgbClr val="41AC4C"/>
    </a:custClr>
    <a:custClr name="MM U YELLOW (Utility) ">
      <a:srgbClr val="F8A200"/>
    </a:custClr>
    <a:custClr name="MM U RED (Utility) ">
      <a:srgbClr val="E42925"/>
    </a:custClr>
    <a:custClr name="MM U DARK RED (Utility) ">
      <a:srgbClr val="87141E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MM PURPLE (Primary)">
      <a:srgbClr val="8254FD"/>
    </a:custClr>
    <a:custClr name="MM TURQUOISE (Primary)">
      <a:srgbClr val="03BFB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MM BLUE (Secondary)">
      <a:srgbClr val="0097FF"/>
    </a:custClr>
    <a:custClr name="MM GREEN (Secondary)">
      <a:srgbClr val="9AD248"/>
    </a:custClr>
    <a:custClr name="MM YELLOW (Secondary)">
      <a:srgbClr val="FFD41C"/>
    </a:custClr>
    <a:custClr name="MM ORANGE (Secondary)">
      <a:srgbClr val="FF6707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MM WHITE (Neutral)">
      <a:srgbClr val="FFFFFF"/>
    </a:custClr>
    <a:custClr name="MM STONE (Neutral)">
      <a:srgbClr val="EBEBEB"/>
    </a:custClr>
    <a:custClr name="MM BLACK (Neutral)">
      <a:srgbClr val="000000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MM U GREEN (Utility) ">
      <a:srgbClr val="41AC4C"/>
    </a:custClr>
    <a:custClr name="MM U YELLOW (Utility) ">
      <a:srgbClr val="F8A200"/>
    </a:custClr>
    <a:custClr name="MM U RED (Utility) ">
      <a:srgbClr val="E42925"/>
    </a:custClr>
    <a:custClr name="MM U DARK RED (Utility) ">
      <a:srgbClr val="87141E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1192BB97E7D56418275030893395965" ma:contentTypeVersion="25" ma:contentTypeDescription="Create a new document." ma:contentTypeScope="" ma:versionID="4000421ef3e3528b404d8c3523f6d122">
  <xsd:schema xmlns:xsd="http://www.w3.org/2001/XMLSchema" xmlns:xs="http://www.w3.org/2001/XMLSchema" xmlns:p="http://schemas.microsoft.com/office/2006/metadata/properties" xmlns:ns2="7b4f06b3-bd42-4a23-be9d-c9b6d4debe5b" xmlns:ns3="980b2c76-4eb4-4926-991a-bb246786b55e" xmlns:ns4="a54673eb-f85e-4e2f-95f6-63d4dd9eabc2" targetNamespace="http://schemas.microsoft.com/office/2006/metadata/properties" ma:root="true" ma:fieldsID="eb2993187ec36fbd8b669587f71e815e" ns2:_="" ns3:_="" ns4:_="">
    <xsd:import namespace="7b4f06b3-bd42-4a23-be9d-c9b6d4debe5b"/>
    <xsd:import namespace="980b2c76-4eb4-4926-991a-bb246786b55e"/>
    <xsd:import namespace="a54673eb-f85e-4e2f-95f6-63d4dd9eabc2"/>
    <xsd:element name="properties">
      <xsd:complexType>
        <xsd:sequence>
          <xsd:element name="documentManagement">
            <xsd:complexType>
              <xsd:all>
                <xsd:element ref="ns2:Reference" minOccurs="0"/>
                <xsd:element ref="ns3:_dlc_DocId" minOccurs="0"/>
                <xsd:element ref="ns3:_dlc_DocIdUrl" minOccurs="0"/>
                <xsd:element ref="ns3:_dlc_DocIdPersistId" minOccurs="0"/>
                <xsd:element ref="ns4:SharedWithUsers" minOccurs="0"/>
                <xsd:element ref="ns4:SharedWithDetails" minOccurs="0"/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Owner" minOccurs="0"/>
                <xsd:element ref="ns2:Status" minOccurs="0"/>
                <xsd:element ref="ns2:ParentCampaign" minOccurs="0"/>
                <xsd:element ref="ns2:Deliverable" minOccurs="0"/>
                <xsd:element ref="ns2:Type_" minOccurs="0"/>
                <xsd:element ref="ns2:MediaServiceLocation" minOccurs="0"/>
                <xsd:element ref="ns2:URL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b4f06b3-bd42-4a23-be9d-c9b6d4debe5b" elementFormDefault="qualified">
    <xsd:import namespace="http://schemas.microsoft.com/office/2006/documentManagement/types"/>
    <xsd:import namespace="http://schemas.microsoft.com/office/infopath/2007/PartnerControls"/>
    <xsd:element name="Reference" ma:index="2" nillable="true" ma:displayName="Reference" ma:format="Dropdown" ma:indexed="true" ma:internalName="Reference">
      <xsd:simpleType>
        <xsd:restriction base="dms:Text">
          <xsd:maxLength value="255"/>
        </xsd:restriction>
      </xsd:simpleType>
    </xsd:element>
    <xsd:element name="MediaServiceMetadata" ma:index="1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Image Tags" ma:readOnly="false" ma:fieldId="{5cf76f15-5ced-4ddc-b409-7134ff3c332f}" ma:taxonomyMulti="true" ma:sspId="3bee4c5c-8f43-4f7f-9637-07f983ecca3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2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  <xsd:element name="Owner" ma:index="25" nillable="true" ma:displayName="Owner" ma:hidden="true" ma:internalName="Owner" ma:readOnly="false">
      <xsd:simpleType>
        <xsd:restriction base="dms:Text">
          <xsd:maxLength value="255"/>
        </xsd:restriction>
      </xsd:simpleType>
    </xsd:element>
    <xsd:element name="Status" ma:index="26" nillable="true" ma:displayName="Status" ma:hidden="true" ma:internalName="Status" ma:readOnly="false">
      <xsd:simpleType>
        <xsd:restriction base="dms:Text">
          <xsd:maxLength value="255"/>
        </xsd:restriction>
      </xsd:simpleType>
    </xsd:element>
    <xsd:element name="ParentCampaign" ma:index="27" nillable="true" ma:displayName="Parent Campaign" ma:hidden="true" ma:indexed="true" ma:internalName="ParentCampaign">
      <xsd:simpleType>
        <xsd:restriction base="dms:Text">
          <xsd:maxLength value="255"/>
        </xsd:restriction>
      </xsd:simpleType>
    </xsd:element>
    <xsd:element name="Deliverable" ma:index="28" nillable="true" ma:displayName="Deliverable" ma:hidden="true" ma:indexed="true" ma:internalName="Deliverable">
      <xsd:simpleType>
        <xsd:restriction base="dms:Text">
          <xsd:maxLength value="255"/>
        </xsd:restriction>
      </xsd:simpleType>
    </xsd:element>
    <xsd:element name="Type_" ma:index="29" nillable="true" ma:displayName="Type_" ma:hidden="true" ma:indexed="true" ma:internalName="Type_">
      <xsd:simpleType>
        <xsd:restriction base="dms:Text">
          <xsd:maxLength value="255"/>
        </xsd:restriction>
      </xsd:simpleType>
    </xsd:element>
    <xsd:element name="MediaServiceLocation" ma:index="30" nillable="true" ma:displayName="Location" ma:hidden="true" ma:indexed="true" ma:internalName="MediaServiceLocation" ma:readOnly="true">
      <xsd:simpleType>
        <xsd:restriction base="dms:Text"/>
      </xsd:simpleType>
    </xsd:element>
    <xsd:element name="URL" ma:index="31" nillable="true" ma:displayName="URL" ma:format="Dropdown" ma:hidden="true" ma:internalName="URL" ma:readOnly="false">
      <xsd:simpleType>
        <xsd:restriction base="dms:Text">
          <xsd:maxLength value="255"/>
        </xsd:restriction>
      </xsd:simpleType>
    </xsd:element>
    <xsd:element name="MediaServiceSearchProperties" ma:index="3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3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0b2c76-4eb4-4926-991a-bb246786b55e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hidden="true" ma:indexed="true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fals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false">
      <xsd:simpleType>
        <xsd:restriction base="dms:Boolean"/>
      </xsd:simpleType>
    </xsd:element>
    <xsd:element name="TaxCatchAll" ma:index="18" nillable="true" ma:displayName="Taxonomy Catch All Column" ma:hidden="true" ma:list="{d10e85c9-ef4a-41ee-a11a-8991a0027981}" ma:internalName="TaxCatchAll" ma:readOnly="false" ma:showField="CatchAllData" ma:web="a54673eb-f85e-4e2f-95f6-63d4dd9eabc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54673eb-f85e-4e2f-95f6-63d4dd9eabc2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hidden="true" ma:internalName="SharedWithDetail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Content Type"/>
        <xsd:element ref="dc:title" minOccurs="0" maxOccurs="1" ma:index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type":"shape","id":"c2cfec1a-3808-4235-ac5a-0361da023999","elementConfiguration":{"binding":"{{UserProfile.Entity.FriendlyName}}","visibility":"{{IfElse(Equals(UserProfile.Entity.FriendlyName, \"Mott MacDonald\"), VisibilityType.Hidden, VisibilityType.Visible)}}","type":"text","disableUpdates":false}},{"type":"shape","id":"7b68ae2d-f41f-4dfe-86d8-f2565e4d263c","elementConfiguration":{"binding":"{{FormatDateTime(Form.Date, \"d\")}}","visibility":"","type":"text","disableUpdates":false}},{"type":"shape","id":"5393f2ca-f7b7-445f-89ed-0396e68aa054","elementConfiguration":{"binding":"{{UserProfile.Entity.FriendlyName}}","visibility":"{{IfElse(Equals(UserProfile.Entity.FriendlyName, \"Mott MacDonald\"), VisibilityType.Hidden, VisibilityType.Visible)}}","type":"text","disableUpdates":false}},{"type":"shape","id":"d80bf962-726b-4ab9-b8f8-5ed09ea8ab11","elementConfiguration":{"binding":"{{FormatDateTime(Form.Date, \"d\")}}","visibility":"","type":"text","disableUpdates":false}},{"type":"shape","id":"85936c27-7c86-4196-9e57-7b345fb51184","elementConfiguration":{"binding":"{{UserProfile.Entity.FriendlyName}}","visibility":"{{IfElse(Equals(UserProfile.Entity.FriendlyName, \"Mott MacDonald\"), VisibilityType.Hidden, VisibilityType.Visible)}}","type":"text","disableUpdates":false}},{"type":"shape","id":"25aba585-d487-42ff-9f95-93fb5c33ac18","elementConfiguration":{"binding":"{{FormatDateTime(Form.Date, \"d\")}}","visibility":"","type":"text","disableUpdates":false}},{"type":"shape","id":"cc309985-fbf5-4b7f-8a19-2a093d9cd2ed","elementConfiguration":{"binding":"{{UserProfile.Entity.FriendlyName}}","visibility":"{{IfElse(Equals(UserProfile.Entity.FriendlyName, \"Mott MacDonald\"), VisibilityType.Hidden, VisibilityType.Visible)}}","type":"text","disableUpdates":false}},{"type":"shape","id":"6f415526-c5a5-44b5-ba4f-8a79d8693d7e","elementConfiguration":{"binding":"{{FormatDateTime(Form.Date, \"d\")}}","visibility":"","type":"text","disableUpdates":false}},{"type":"shape","id":"88962f0a-4439-45e2-bc90-bf83d3d64993","elementConfiguration":{"binding":"{{UserProfile.Entity.FriendlyName}}","visibility":"{{IfElse(Equals(UserProfile.Entity.FriendlyName, \"Mott MacDonald\"), VisibilityType.Hidden, VisibilityType.Visible)}}","type":"text","disableUpdates":false}},{"type":"shape","id":"8069345d-2c1d-4992-95a9-ea6f4468c646","elementConfiguration":{"binding":"{{FormatDateTime(Form.Date, \"d\")}}","visibility":"","type":"text","disableUpdates":false}},{"type":"shape","id":"3de8de07-c2a8-4a23-bbb6-9956ee3e923b","elementConfiguration":{"binding":"{{UserProfile.Entity.FriendlyName}}","visibility":"{{IfElse(Equals(UserProfile.Entity.FriendlyName, \"Mott MacDonald\"), VisibilityType.Hidden, VisibilityType.Visible)}}","type":"text","disableUpdates":false}},{"type":"shape","id":"cff9bc7f-08d1-4997-a42c-9fd5569d5e57","elementConfiguration":{"binding":"{{FormatDateTime(Form.Date, \"d\")}}","visibility":"","type":"text","disableUpdates":false}},{"type":"shape","id":"307596aa-5eb5-4272-b46d-169db4a9b6f6","elementConfiguration":{"binding":"{{UserProfile.Entity.FriendlyName}}","visibility":"{{IfElse(Equals(UserProfile.Entity.FriendlyName, \"Mott MacDonald\"), VisibilityType.Hidden, VisibilityType.Visible)}}","type":"text","disableUpdates":false}},{"type":"shape","id":"cc6ea05b-97a0-4dd9-a2d7-e6074eade6b1","elementConfiguration":{"binding":"{{UserProfile.Entity.FriendlyName}}","visibility":"{{IfElse(Equals(UserProfile.Entity.FriendlyName, \"Mott MacDonald\"), VisibilityType.Hidden, VisibilityType.Visible)}}","type":"text","disableUpdates":false}},{"type":"shape","id":"b9b1eea3-7535-4298-bbaf-e57db0c56576","elementConfiguration":{"binding":"{{FormatDateTime(Form.Date, \"d\")}}","visibility":"","type":"text","disableUpdates":false}},{"type":"shape","id":"18db8b71-6e8c-4ac1-aab6-58215a8f35dc","elementConfiguration":{"binding":"{{UserProfile.Entity.FriendlyName}}","visibility":"{{IfElse(Equals(UserProfile.Entity.FriendlyName, \"Mott MacDonald\"), VisibilityType.Hidden, VisibilityType.Visible)}}","type":"text","disableUpdates":false}},{"type":"shape","id":"5b100036-83d5-4862-a780-eaa00053715b","elementConfiguration":{"binding":"{{FormatDateTime(Form.Date, \"d\")}}","visibility":"","type":"text","disableUpdates":false}},{"type":"shape","id":"6bd7b10e-2357-4788-8ca8-e13614c96f4c","elementConfiguration":{"inheritDimensions":"{{InheritDimensions.InheritNone}}","width":"","height":"{{UserProfile.OfficeAddress.LogoType.PpLogoHeight}}","image":"{{UserProfile.OfficeAddress.LogoType.LogoWhite.Image}}","visibility":"","type":"image","disableUpdates":false}},{"type":"shape","id":"9b2c03ba-795d-42b6-83f3-664b0065ae7d","elementConfiguration":{"binding":"{{UserProfile.Entity.FriendlyName}}","visibility":"{{IfElse(Equals(UserProfile.Entity.FriendlyName, \"Mott MacDonald\"), VisibilityType.Hidden, VisibilityType.Visible)}}","type":"text","disableUpdates":false}},{"type":"shape","id":"d1da0ca1-90a7-46f0-bf07-1901d738052f","elementConfiguration":{"binding":"{{FormatDateTime(Form.Date, \"d\")}}","visibility":"","type":"text","disableUpdates":false}},{"type":"shape","id":"74d0f75d-e374-47b0-9b86-8ed5e1134bd4","elementConfiguration":{"inheritDimensions":"{{InheritDimensions.InheritNone}}","width":"","height":"{{UserProfile.OfficeAddress.LogoType.PpLogoHeight}}","image":"{{UserProfile.OfficeAddress.LogoType.LogoName.Image}}","visibility":"","type":"image","disableUpdates":false}},{"type":"shape","id":"47ecc599-a20a-459a-8c69-0be82fc3ba13","elementConfiguration":{"binding":"{{UserProfile.Entity.FriendlyName}}","visibility":"{{IfElse(Equals(UserProfile.Entity.FriendlyName, \"Mott MacDonald\"), VisibilityType.Hidden, VisibilityType.Visible)}}","type":"text","disableUpdates":false}},{"type":"shape","id":"899e8502-09e1-45c0-8ad6-52a774da0c78","elementConfiguration":{"binding":"{{FormatDateTime(Form.Date, \"d\")}}","visibility":"","type":"text","disableUpdates":false}},{"type":"shape","id":"76a67ef4-020c-47a6-bf81-75f7d52eb254","elementConfiguration":{"inheritDimensions":"{{InheritDimensions.InheritNone}}","width":"","height":"{{UserProfile.OfficeAddress.LogoType.PpLogoHeight}}","image":"{{UserProfile.OfficeAddress.LogoType.LogoName.Image}}","visibility":"","type":"image","disableUpdates":false}},{"type":"shape","id":"2cb926e6-48b4-4365-8eaf-cbf373f620e2","elementConfiguration":{"binding":"{{UserProfile.Entity.FriendlyName}}","visibility":"{{IfElse(Equals(UserProfile.Entity.FriendlyName, \"Mott MacDonald\"), VisibilityType.Hidden, VisibilityType.Visible)}}","type":"text","disableUpdates":false}},{"type":"shape","id":"791449a5-8262-4d86-9e64-798a8285649c","elementConfiguration":{"binding":"{{FormatDateTime(Form.Date, \"d\")}}","visibility":"","type":"text","disableUpdates":false}},{"type":"shape","id":"9f553cb9-2e0c-4d3b-9579-7eb6f1046e64","elementConfiguration":{"binding":"{{UserProfile.Entity.FriendlyName}}","visibility":"{{IfElse(Equals(UserProfile.Entity.FriendlyName, \"Mott MacDonald\"), VisibilityType.Hidden, VisibilityType.Visible)}}","type":"text","disableUpdates":false}},{"type":"shape","id":"f7d21be4-490a-4622-9988-803a2be24faf","elementConfiguration":{"binding":"{{FormatDateTime(Form.Date, \"d\")}}","visibility":"","type":"text","disableUpdates":false}},{"type":"shape","id":"bb6a0b3e-c78d-4e72-b7b2-f521aa02524f","elementConfiguration":{"binding":"{{FormatDateTime(Form.Date, \"d\")}}","visibility":"","type":"text","disableUpdates":false}},{"type":"shape","id":"1d9520f0-ad71-4fb5-894d-98a18319c529","elementConfiguration":{"binding":"{{UserProfile.Entity.FriendlyName}}","visibility":"{{IfElse(Equals(UserProfile.Entity.FriendlyName, \"Mott MacDonald\"), VisibilityType.Hidden, VisibilityType.Visible)}}","type":"text","disableUpdates":false}},{"type":"shape","id":"bf8ddb3d-5d3d-4386-9949-ecb4bb5836a9","elementConfiguration":{"binding":"{{UserProfile.Entity.FriendlyName}}","visibility":"{{IfElse(Equals(UserProfile.Entity.FriendlyName, \"Mott MacDonald\"), VisibilityType.Hidden, VisibilityType.Visible)}}","type":"text","disableUpdates":false}},{"type":"shape","id":"631ff426-ada9-45a2-839c-41dfb14847c2","elementConfiguration":{"binding":"{{FormatDateTime(Form.Date, \"d\")}}","visibility":"","type":"text","disableUpdates":false}},{"type":"shape","id":"acf35c17-ae39-48c0-98f6-beeb11115bf6","elementConfiguration":{"inheritDimensions":"{{InheritDimensions.InheritNone}}","width":"","height":"{{UserProfile.OfficeAddress.LogoType.PpLogoHeight}}","image":"{{UserProfile.OfficeAddress.LogoType.LogoWhite.Image}}","visibility":"","type":"image","disableUpdates":false}},{"type":"shape","id":"6f63b5fc-e16b-4bef-8ae0-07483dd285f2","elementConfiguration":{"binding":"{{UserProfile.Entity.FriendlyName}}","visibility":"{{IfElse(Equals(UserProfile.Entity.FriendlyName, \"Mott MacDonald\"), VisibilityType.Hidden, VisibilityType.Visible)}}","type":"text","disableUpdates":false}},{"type":"shape","id":"13e8328d-87c3-480b-96ce-9fc0f5e0b3a8","elementConfiguration":{"binding":"{{FormatDateTime(Form.Date, \"d\")}}","visibility":"","type":"text","disableUpdates":false}},{"type":"shape","id":"e58753da-8354-4a17-9ed8-8589ee2d62d6","elementConfiguration":{"binding":"{{UserProfile.Entity.FriendlyName}}","visibility":"{{IfElse(Equals(UserProfile.Entity.FriendlyName, \"Mott MacDonald\"), VisibilityType.Hidden, VisibilityType.Visible)}}","type":"text","disableUpdates":false}},{"type":"shape","id":"951a7911-0bb2-4d09-8615-925a5eb82ee7","elementConfiguration":{"binding":"{{UserProfile.Entity.FriendlyName}}","visibility":"{{IfElse(Equals(UserProfile.Entity.FriendlyName, \"Mott MacDonald\"), VisibilityType.Hidden, VisibilityType.Visible)}}","type":"text","disableUpdates":false}},{"type":"shape","id":"3585c22e-98e3-4105-97b5-79a50196e623","elementConfiguration":{"binding":"{{FormatDateTime(Form.Date, \"d\")}}","visibility":"","type":"text","disableUpdates":false}},{"type":"shape","id":"e1aaa419-d0eb-4438-8d71-2ed8dfc98900","elementConfiguration":{"binding":"{{UserProfile.Entity.FriendlyName}}","visibility":"{{IfElse(Equals(UserProfile.Entity.FriendlyName, \"Mott MacDonald\"), VisibilityType.Hidden, VisibilityType.Visible)}}","type":"text","disableUpdates":false}},{"type":"shape","id":"fb032138-37b5-4cdc-b207-4bf7b23923a4","elementConfiguration":{"binding":"{{FormatDateTime(Form.Date, \"d\")}}","visibility":"","type":"text","disableUpdates":false}}],"transformationConfigurations":[{"colorTheme":"{{Form.ColorThemeSelector.ColorTheme-Ref.ColorTheme}}","disableUpdates":false,"originalColorThemeXml":"<a:clrScheme name=\"MM Purple 2025\" xmlns:a=\"http://schemas.openxmlformats.org/drawingml/2006/main\"><a:dk1><a:srgbClr val=\"000000\" /></a:dk1><a:lt1><a:srgbClr val=\"FFFFFF\" /></a:lt1><a:dk2><a:srgbClr val=\"8254FD\" /></a:dk2><a:lt2><a:srgbClr val=\"EBEBEB\" /></a:lt2><a:accent1><a:srgbClr val=\"8254FD\" /></a:accent1><a:accent2><a:srgbClr val=\"03BFBF\" /></a:accent2><a:accent3><a:srgbClr val=\"0097FF\" /></a:accent3><a:accent4><a:srgbClr val=\"9AD248\" /></a:accent4><a:accent5><a:srgbClr val=\"FFD41C\" /></a:accent5><a:accent6><a:srgbClr val=\"FF6707\" /></a:accent6><a:hlink><a:srgbClr val=\"000000\" /></a:hlink><a:folHlink><a:srgbClr val=\"000000\" /></a:folHlink></a:clrScheme>","type":"colorTheme"}],"templateName":"MM Template 2025","templateDescription":"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980b2c76-4eb4-4926-991a-bb246786b55e">bf-05891-1274240013-81482</_dlc_DocId>
    <_dlc_DocIdPersistId xmlns="980b2c76-4eb4-4926-991a-bb246786b55e" xsi:nil="true"/>
    <_dlc_DocIdUrl xmlns="980b2c76-4eb4-4926-991a-bb246786b55e">
      <Url>https://mottmac.sharepoint.com/teams/bf-05891/_layouts/15/DocIdRedir.aspx?ID=bf-05891-1274240013-81482</Url>
      <Description>bf-05891-1274240013-81482</Description>
    </_dlc_DocIdUrl>
    <TaxCatchAll xmlns="980b2c76-4eb4-4926-991a-bb246786b55e" xsi:nil="true"/>
    <Owner xmlns="7b4f06b3-bd42-4a23-be9d-c9b6d4debe5b" xsi:nil="true"/>
    <Status xmlns="7b4f06b3-bd42-4a23-be9d-c9b6d4debe5b" xsi:nil="true"/>
    <URL xmlns="7b4f06b3-bd42-4a23-be9d-c9b6d4debe5b" xsi:nil="true"/>
    <lcf76f155ced4ddcb4097134ff3c332f xmlns="7b4f06b3-bd42-4a23-be9d-c9b6d4debe5b">
      <Terms xmlns="http://schemas.microsoft.com/office/infopath/2007/PartnerControls"/>
    </lcf76f155ced4ddcb4097134ff3c332f>
    <Reference xmlns="7b4f06b3-bd42-4a23-be9d-c9b6d4debe5b" xsi:nil="true"/>
    <Deliverable xmlns="7b4f06b3-bd42-4a23-be9d-c9b6d4debe5b" xsi:nil="true"/>
    <Type_ xmlns="7b4f06b3-bd42-4a23-be9d-c9b6d4debe5b" xsi:nil="true"/>
    <ParentCampaign xmlns="7b4f06b3-bd42-4a23-be9d-c9b6d4debe5b" xsi:nil="true"/>
  </documentManagement>
</p:properties>
</file>

<file path=customXml/item4.xml><?xml version="1.0" encoding="utf-8"?>
<TemplafyFormConfiguration><![CDATA[{"formFields":[{"distinct":false,"hideIfNoUserInteractionRequired":false,"required":false,"defaultValue":"Purple","autoSelectFirstOption":false,"helpTexts":{},"spacing":{},"shareValue":false,"type":"dropDown","dataSourceName":"PP_ColorThemeSelector","dataSourceFieldName":"Selection","name":"ColorThemeSelector","label":"Select a color theme for your template: "},{"required":false,"helpTexts":{},"spacing":{},"shareValue":false,"type":"datePicker","name":"Date","label":"Date"}],"formDataEntries":[{"name":"ColorThemeSelector","value":"J6S3y31bmA0SgOHG5MRqfe2F7tPuKakeUJ8mOJQVtMo="},{"name":"Date","value":"O2e56UeORomhkJdcVm+pEg=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F933AA16-D7A5-4C7E-992E-01F7043BEE9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b4f06b3-bd42-4a23-be9d-c9b6d4debe5b"/>
    <ds:schemaRef ds:uri="980b2c76-4eb4-4926-991a-bb246786b55e"/>
    <ds:schemaRef ds:uri="a54673eb-f85e-4e2f-95f6-63d4dd9eabc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E59D3CB9-6B37-4DBD-9558-6734CB26BEA7}">
  <ds:schemaRefs/>
</ds:datastoreItem>
</file>

<file path=customXml/itemProps3.xml><?xml version="1.0" encoding="utf-8"?>
<ds:datastoreItem xmlns:ds="http://schemas.openxmlformats.org/officeDocument/2006/customXml" ds:itemID="{0673A38F-B98E-4C94-B51E-1CCB20F9CD5B}">
  <ds:schemaRefs>
    <ds:schemaRef ds:uri="http://www.w3.org/XML/1998/namespace"/>
    <ds:schemaRef ds:uri="980b2c76-4eb4-4926-991a-bb246786b55e"/>
    <ds:schemaRef ds:uri="http://purl.org/dc/terms/"/>
    <ds:schemaRef ds:uri="8043c280-e672-43f5-886c-af9cae53c7c4"/>
    <ds:schemaRef ds:uri="http://schemas.microsoft.com/office/2006/documentManagement/types"/>
    <ds:schemaRef ds:uri="http://schemas.microsoft.com/sharepoint/v3"/>
    <ds:schemaRef ds:uri="http://purl.org/dc/dcmitype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7b4f06b3-bd42-4a23-be9d-c9b6d4debe5b"/>
  </ds:schemaRefs>
</ds:datastoreItem>
</file>

<file path=customXml/itemProps4.xml><?xml version="1.0" encoding="utf-8"?>
<ds:datastoreItem xmlns:ds="http://schemas.openxmlformats.org/officeDocument/2006/customXml" ds:itemID="{7ADB9CB0-ED05-48DF-A25B-E83CE7BC1B5D}">
  <ds:schemaRefs/>
</ds:datastoreItem>
</file>

<file path=customXml/itemProps5.xml><?xml version="1.0" encoding="utf-8"?>
<ds:datastoreItem xmlns:ds="http://schemas.openxmlformats.org/officeDocument/2006/customXml" ds:itemID="{794471CB-5F7B-4E03-8ADD-7984286E033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F7C47617-BE61-4536-9DDF-28BA7030A087}">
  <ds:schemaRefs>
    <ds:schemaRef ds:uri="http://schemas.microsoft.com/sharepoint/event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ott MacDonald Template 2025</Template>
  <TotalTime>17759</TotalTime>
  <Words>138</Words>
  <Application>Microsoft Office PowerPoint</Application>
  <PresentationFormat>A4 Paper (210x297 mm)</PresentationFormat>
  <Paragraphs>37</Paragraphs>
  <Slides>11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5" baseType="lpstr">
      <vt:lpstr>Aptos</vt:lpstr>
      <vt:lpstr>Arial</vt:lpstr>
      <vt:lpstr>Arial Nova</vt:lpstr>
      <vt:lpstr>Mott MacDonald Template 2025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Joanna McKenzie</dc:creator>
  <cp:lastModifiedBy>Erin MacKenzie-Williams</cp:lastModifiedBy>
  <cp:revision>148</cp:revision>
  <dcterms:created xsi:type="dcterms:W3CDTF">2025-11-24T09:15:50Z</dcterms:created>
  <dcterms:modified xsi:type="dcterms:W3CDTF">2026-01-15T14:20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SavedOnce">
    <vt:lpwstr>true</vt:lpwstr>
  </property>
  <property fmtid="{D5CDD505-2E9C-101B-9397-08002B2CF9AE}" pid="4" name="MSIP_Label_f49efa9f-42fe-4312-9503-c89a219c0830_Enabled">
    <vt:lpwstr>true</vt:lpwstr>
  </property>
  <property fmtid="{D5CDD505-2E9C-101B-9397-08002B2CF9AE}" pid="5" name="MSIP_Label_f49efa9f-42fe-4312-9503-c89a219c0830_SetDate">
    <vt:lpwstr>2025-01-10T10:57:30Z</vt:lpwstr>
  </property>
  <property fmtid="{D5CDD505-2E9C-101B-9397-08002B2CF9AE}" pid="6" name="MSIP_Label_f49efa9f-42fe-4312-9503-c89a219c0830_Method">
    <vt:lpwstr>Standard</vt:lpwstr>
  </property>
  <property fmtid="{D5CDD505-2E9C-101B-9397-08002B2CF9AE}" pid="7" name="MSIP_Label_f49efa9f-42fe-4312-9503-c89a219c0830_Name">
    <vt:lpwstr>MM RESTRICTED</vt:lpwstr>
  </property>
  <property fmtid="{D5CDD505-2E9C-101B-9397-08002B2CF9AE}" pid="8" name="MSIP_Label_f49efa9f-42fe-4312-9503-c89a219c0830_SiteId">
    <vt:lpwstr>a2bed0c4-5957-4f73-b0c2-a811407590fb</vt:lpwstr>
  </property>
  <property fmtid="{D5CDD505-2E9C-101B-9397-08002B2CF9AE}" pid="9" name="MSIP_Label_f49efa9f-42fe-4312-9503-c89a219c0830_ActionId">
    <vt:lpwstr>cac4c390-f86a-43e9-812c-50028bec23de</vt:lpwstr>
  </property>
  <property fmtid="{D5CDD505-2E9C-101B-9397-08002B2CF9AE}" pid="10" name="MSIP_Label_f49efa9f-42fe-4312-9503-c89a219c0830_ContentBits">
    <vt:lpwstr>2</vt:lpwstr>
  </property>
  <property fmtid="{D5CDD505-2E9C-101B-9397-08002B2CF9AE}" pid="11" name="ContentTypeId">
    <vt:lpwstr>0x01010001192BB97E7D56418275030893395965</vt:lpwstr>
  </property>
  <property fmtid="{D5CDD505-2E9C-101B-9397-08002B2CF9AE}" pid="12" name="TaxKeyword">
    <vt:lpwstr/>
  </property>
  <property fmtid="{D5CDD505-2E9C-101B-9397-08002B2CF9AE}" pid="13" name="MediaServiceImageTags">
    <vt:lpwstr/>
  </property>
  <property fmtid="{D5CDD505-2E9C-101B-9397-08002B2CF9AE}" pid="14" name="lcf76f155ced4ddcb4097134ff3c332f">
    <vt:lpwstr/>
  </property>
  <property fmtid="{D5CDD505-2E9C-101B-9397-08002B2CF9AE}" pid="15" name="_dlc_DocIdItemGuid">
    <vt:lpwstr>05677428-fd4f-4cf7-b8bc-e4b292819435</vt:lpwstr>
  </property>
  <property fmtid="{D5CDD505-2E9C-101B-9397-08002B2CF9AE}" pid="16" name="TemplafyTimeStamp">
    <vt:lpwstr>2025-07-30T12:22:18</vt:lpwstr>
  </property>
  <property fmtid="{D5CDD505-2E9C-101B-9397-08002B2CF9AE}" pid="17" name="TemplafyTenantId">
    <vt:lpwstr>mottmac</vt:lpwstr>
  </property>
  <property fmtid="{D5CDD505-2E9C-101B-9397-08002B2CF9AE}" pid="18" name="TemplafyTemplateId">
    <vt:lpwstr>1240549231610560516</vt:lpwstr>
  </property>
  <property fmtid="{D5CDD505-2E9C-101B-9397-08002B2CF9AE}" pid="19" name="TemplafyUserProfileId">
    <vt:lpwstr>921286041459490824</vt:lpwstr>
  </property>
  <property fmtid="{D5CDD505-2E9C-101B-9397-08002B2CF9AE}" pid="20" name="TemplafyLanguageCode">
    <vt:lpwstr>en-GB</vt:lpwstr>
  </property>
  <property fmtid="{D5CDD505-2E9C-101B-9397-08002B2CF9AE}" pid="21" name="TemplafyFromBlank">
    <vt:bool>true</vt:bool>
  </property>
  <property fmtid="{D5CDD505-2E9C-101B-9397-08002B2CF9AE}" pid="22" name="MSIP_Label_9482a36a-3601-4be7-89b9-8e3e67b0198b_Enabled">
    <vt:lpwstr>true</vt:lpwstr>
  </property>
  <property fmtid="{D5CDD505-2E9C-101B-9397-08002B2CF9AE}" pid="23" name="MSIP_Label_9482a36a-3601-4be7-89b9-8e3e67b0198b_SetDate">
    <vt:lpwstr>2026-01-15T13:33:04Z</vt:lpwstr>
  </property>
  <property fmtid="{D5CDD505-2E9C-101B-9397-08002B2CF9AE}" pid="24" name="MSIP_Label_9482a36a-3601-4be7-89b9-8e3e67b0198b_Method">
    <vt:lpwstr>Privileged</vt:lpwstr>
  </property>
  <property fmtid="{D5CDD505-2E9C-101B-9397-08002B2CF9AE}" pid="25" name="MSIP_Label_9482a36a-3601-4be7-89b9-8e3e67b0198b_Name">
    <vt:lpwstr>SW Business - Unrestricted</vt:lpwstr>
  </property>
  <property fmtid="{D5CDD505-2E9C-101B-9397-08002B2CF9AE}" pid="26" name="MSIP_Label_9482a36a-3601-4be7-89b9-8e3e67b0198b_SiteId">
    <vt:lpwstr>f90bd2e7-b5c0-4b25-9e27-226ff8b6c17b</vt:lpwstr>
  </property>
  <property fmtid="{D5CDD505-2E9C-101B-9397-08002B2CF9AE}" pid="27" name="MSIP_Label_9482a36a-3601-4be7-89b9-8e3e67b0198b_ActionId">
    <vt:lpwstr>11146196-3c5f-4c0a-8f53-ddcc8d5a0273</vt:lpwstr>
  </property>
  <property fmtid="{D5CDD505-2E9C-101B-9397-08002B2CF9AE}" pid="28" name="MSIP_Label_9482a36a-3601-4be7-89b9-8e3e67b0198b_ContentBits">
    <vt:lpwstr>2</vt:lpwstr>
  </property>
  <property fmtid="{D5CDD505-2E9C-101B-9397-08002B2CF9AE}" pid="29" name="MSIP_Label_9482a36a-3601-4be7-89b9-8e3e67b0198b_Tag">
    <vt:lpwstr>10, 0, 1, 2</vt:lpwstr>
  </property>
  <property fmtid="{D5CDD505-2E9C-101B-9397-08002B2CF9AE}" pid="30" name="ClassificationContentMarkingFooterLocations">
    <vt:lpwstr>Mott MacDonald Template 2025:12</vt:lpwstr>
  </property>
  <property fmtid="{D5CDD505-2E9C-101B-9397-08002B2CF9AE}" pid="31" name="ClassificationContentMarkingFooterText">
    <vt:lpwstr>SW Business</vt:lpwstr>
  </property>
</Properties>
</file>